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heme/theme2.xml" ContentType="application/vnd.openxmlformats-officedocument.theme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3.xml" ContentType="application/vnd.openxmlformats-officedocument.theme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theme/theme4.xml" ContentType="application/vnd.openxmlformats-officedocument.theme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theme/theme5.xml" ContentType="application/vnd.openxmlformats-officedocument.theme+xml"/>
  <Override PartName="/ppt/theme/theme6.xml" ContentType="application/vnd.openxmlformats-officedocument.theme+xml"/>
  <Override PartName="/ppt/theme/theme7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985" r:id="rId28"/>
    <p:sldMasterId id="2147484023" r:id="rId29"/>
    <p:sldMasterId id="2147484115" r:id="rId30"/>
    <p:sldMasterId id="2147484018" r:id="rId31"/>
    <p:sldMasterId id="2147483829" r:id="rId32"/>
  </p:sldMasterIdLst>
  <p:notesMasterIdLst>
    <p:notesMasterId r:id="rId44"/>
  </p:notesMasterIdLst>
  <p:handoutMasterIdLst>
    <p:handoutMasterId r:id="rId45"/>
  </p:handoutMasterIdLst>
  <p:sldIdLst>
    <p:sldId id="256" r:id="rId33"/>
    <p:sldId id="257" r:id="rId34"/>
    <p:sldId id="260" r:id="rId35"/>
    <p:sldId id="266" r:id="rId36"/>
    <p:sldId id="263" r:id="rId37"/>
    <p:sldId id="265" r:id="rId38"/>
    <p:sldId id="261" r:id="rId39"/>
    <p:sldId id="262" r:id="rId40"/>
    <p:sldId id="264" r:id="rId41"/>
    <p:sldId id="267" r:id="rId42"/>
    <p:sldId id="268" r:id="rId43"/>
  </p:sldIdLst>
  <p:sldSz cx="12192000" cy="6858000"/>
  <p:notesSz cx="6858000" cy="9144000"/>
  <p:custDataLst>
    <p:tags r:id="rId46"/>
  </p:custDataLst>
  <p:defaultTextStyle>
    <a:defPPr>
      <a:defRPr lang="sv-S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Ottosson, Linda" initials="OL" lastIdx="8" clrIdx="0">
    <p:extLst>
      <p:ext uri="{19B8F6BF-5375-455C-9EA6-DF929625EA0E}">
        <p15:presenceInfo xmlns:p15="http://schemas.microsoft.com/office/powerpoint/2012/main" userId="S-1-5-21-1801674531-602609370-725345543-126623" providerId="AD"/>
      </p:ext>
    </p:extLst>
  </p:cmAuthor>
  <p:cmAuthor id="2" name="Amanda Marcus Carr" initials="AMC" lastIdx="3" clrIdx="1">
    <p:extLst>
      <p:ext uri="{19B8F6BF-5375-455C-9EA6-DF929625EA0E}">
        <p15:presenceInfo xmlns:p15="http://schemas.microsoft.com/office/powerpoint/2012/main" userId="Amanda Marcus Carr" providerId="None"/>
      </p:ext>
    </p:extLst>
  </p:cmAuthor>
  <p:cmAuthor id="3" name="Sandstedt, Gustav" initials="SG" lastIdx="7" clrIdx="2">
    <p:extLst>
      <p:ext uri="{19B8F6BF-5375-455C-9EA6-DF929625EA0E}">
        <p15:presenceInfo xmlns:p15="http://schemas.microsoft.com/office/powerpoint/2012/main" userId="S::gustav.sandstedt@sodra.com::e73a1749-f52e-4f9f-a255-d0fe704dcc8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54A"/>
    <a:srgbClr val="EB932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9E173E5-A2B1-437C-9801-AE98A031BA3D}" v="59" dt="2025-01-06T13:33:31.946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327" autoAdjust="0"/>
  </p:normalViewPr>
  <p:slideViewPr>
    <p:cSldViewPr snapToGrid="0" showGuides="1">
      <p:cViewPr varScale="1">
        <p:scale>
          <a:sx n="102" d="100"/>
          <a:sy n="102" d="100"/>
        </p:scale>
        <p:origin x="954" y="31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notesViewPr>
    <p:cSldViewPr snapToGrid="0" showGuides="1">
      <p:cViewPr varScale="1">
        <p:scale>
          <a:sx n="110" d="100"/>
          <a:sy n="110" d="100"/>
        </p:scale>
        <p:origin x="3688" y="1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7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2.xml"/><Relationship Id="rId42" Type="http://schemas.openxmlformats.org/officeDocument/2006/relationships/slide" Target="slides/slide10.xml"/><Relationship Id="rId47" Type="http://schemas.openxmlformats.org/officeDocument/2006/relationships/commentAuthors" Target="commentAuthors.xml"/><Relationship Id="rId50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1.xml"/><Relationship Id="rId38" Type="http://schemas.openxmlformats.org/officeDocument/2006/relationships/slide" Target="slides/slide6.xml"/><Relationship Id="rId46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Master" Target="slideMasters/slideMaster2.xml"/><Relationship Id="rId41" Type="http://schemas.openxmlformats.org/officeDocument/2006/relationships/slide" Target="slides/slide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Master" Target="slideMasters/slideMaster5.xml"/><Relationship Id="rId37" Type="http://schemas.openxmlformats.org/officeDocument/2006/relationships/slide" Target="slides/slide5.xml"/><Relationship Id="rId40" Type="http://schemas.openxmlformats.org/officeDocument/2006/relationships/slide" Target="slides/slide8.xml"/><Relationship Id="rId45" Type="http://schemas.openxmlformats.org/officeDocument/2006/relationships/handoutMaster" Target="handoutMasters/handoutMaster1.xml"/><Relationship Id="rId53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slide" Target="slides/slide4.xml"/><Relationship Id="rId49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Master" Target="slideMasters/slideMaster4.xml"/><Relationship Id="rId44" Type="http://schemas.openxmlformats.org/officeDocument/2006/relationships/notesMaster" Target="notesMasters/notesMaster1.xml"/><Relationship Id="rId52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Master" Target="slideMasters/slideMaster3.xml"/><Relationship Id="rId35" Type="http://schemas.openxmlformats.org/officeDocument/2006/relationships/slide" Target="slides/slide3.xml"/><Relationship Id="rId43" Type="http://schemas.openxmlformats.org/officeDocument/2006/relationships/slide" Target="slides/slide11.xml"/><Relationship Id="rId48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Petersson, Sofia" userId="dd2db270-32a0-49d3-9afd-d609051353e3" providerId="ADAL" clId="{E9E173E5-A2B1-437C-9801-AE98A031BA3D}"/>
    <pc:docChg chg="undo custSel addSld delSld modSld">
      <pc:chgData name="Petersson, Sofia" userId="dd2db270-32a0-49d3-9afd-d609051353e3" providerId="ADAL" clId="{E9E173E5-A2B1-437C-9801-AE98A031BA3D}" dt="2025-01-13T15:17:10.510" v="4676" actId="20577"/>
      <pc:docMkLst>
        <pc:docMk/>
      </pc:docMkLst>
      <pc:sldChg chg="addSp delSp modSp mod">
        <pc:chgData name="Petersson, Sofia" userId="dd2db270-32a0-49d3-9afd-d609051353e3" providerId="ADAL" clId="{E9E173E5-A2B1-437C-9801-AE98A031BA3D}" dt="2025-01-06T12:32:39.320" v="61" actId="403"/>
        <pc:sldMkLst>
          <pc:docMk/>
          <pc:sldMk cId="1410603816" sldId="256"/>
        </pc:sldMkLst>
        <pc:spChg chg="del">
          <ac:chgData name="Petersson, Sofia" userId="dd2db270-32a0-49d3-9afd-d609051353e3" providerId="ADAL" clId="{E9E173E5-A2B1-437C-9801-AE98A031BA3D}" dt="2025-01-06T12:30:12.248" v="1" actId="478"/>
          <ac:spMkLst>
            <pc:docMk/>
            <pc:sldMk cId="1410603816" sldId="256"/>
            <ac:spMk id="7" creationId="{B37457AE-10EF-88E8-B06E-E37C0B4AF7B6}"/>
          </ac:spMkLst>
        </pc:spChg>
        <pc:spChg chg="add mod">
          <ac:chgData name="Petersson, Sofia" userId="dd2db270-32a0-49d3-9afd-d609051353e3" providerId="ADAL" clId="{E9E173E5-A2B1-437C-9801-AE98A031BA3D}" dt="2025-01-06T12:32:39.320" v="61" actId="403"/>
          <ac:spMkLst>
            <pc:docMk/>
            <pc:sldMk cId="1410603816" sldId="256"/>
            <ac:spMk id="9" creationId="{41D38591-81DC-C2B1-DF94-CE9B5A33BDB8}"/>
          </ac:spMkLst>
        </pc:spChg>
        <pc:picChg chg="add del mod">
          <ac:chgData name="Petersson, Sofia" userId="dd2db270-32a0-49d3-9afd-d609051353e3" providerId="ADAL" clId="{E9E173E5-A2B1-437C-9801-AE98A031BA3D}" dt="2025-01-06T12:31:09.454" v="11" actId="478"/>
          <ac:picMkLst>
            <pc:docMk/>
            <pc:sldMk cId="1410603816" sldId="256"/>
            <ac:picMk id="3" creationId="{F1C604FA-2C04-1550-EBDA-27C1CE1B30B8}"/>
          </ac:picMkLst>
        </pc:picChg>
        <pc:picChg chg="del">
          <ac:chgData name="Petersson, Sofia" userId="dd2db270-32a0-49d3-9afd-d609051353e3" providerId="ADAL" clId="{E9E173E5-A2B1-437C-9801-AE98A031BA3D}" dt="2025-01-06T12:30:07.084" v="0" actId="478"/>
          <ac:picMkLst>
            <pc:docMk/>
            <pc:sldMk cId="1410603816" sldId="256"/>
            <ac:picMk id="5" creationId="{45BD54CD-6130-F935-10A6-BBD8E6211C2F}"/>
          </ac:picMkLst>
        </pc:picChg>
        <pc:picChg chg="add mod">
          <ac:chgData name="Petersson, Sofia" userId="dd2db270-32a0-49d3-9afd-d609051353e3" providerId="ADAL" clId="{E9E173E5-A2B1-437C-9801-AE98A031BA3D}" dt="2025-01-06T12:31:43.459" v="17" actId="1076"/>
          <ac:picMkLst>
            <pc:docMk/>
            <pc:sldMk cId="1410603816" sldId="256"/>
            <ac:picMk id="8" creationId="{179B5975-5D54-AA7C-301D-9A8E5549465F}"/>
          </ac:picMkLst>
        </pc:picChg>
      </pc:sldChg>
      <pc:sldChg chg="addSp modSp add mod">
        <pc:chgData name="Petersson, Sofia" userId="dd2db270-32a0-49d3-9afd-d609051353e3" providerId="ADAL" clId="{E9E173E5-A2B1-437C-9801-AE98A031BA3D}" dt="2025-01-06T12:37:54.881" v="189" actId="20577"/>
        <pc:sldMkLst>
          <pc:docMk/>
          <pc:sldMk cId="1389186222" sldId="257"/>
        </pc:sldMkLst>
        <pc:spChg chg="add mod">
          <ac:chgData name="Petersson, Sofia" userId="dd2db270-32a0-49d3-9afd-d609051353e3" providerId="ADAL" clId="{E9E173E5-A2B1-437C-9801-AE98A031BA3D}" dt="2025-01-06T12:33:45.514" v="84" actId="14100"/>
          <ac:spMkLst>
            <pc:docMk/>
            <pc:sldMk cId="1389186222" sldId="257"/>
            <ac:spMk id="2" creationId="{AE189EB0-AF08-9B38-F254-0266B3D392F6}"/>
          </ac:spMkLst>
        </pc:spChg>
        <pc:spChg chg="add mod">
          <ac:chgData name="Petersson, Sofia" userId="dd2db270-32a0-49d3-9afd-d609051353e3" providerId="ADAL" clId="{E9E173E5-A2B1-437C-9801-AE98A031BA3D}" dt="2025-01-06T12:37:54.881" v="189" actId="20577"/>
          <ac:spMkLst>
            <pc:docMk/>
            <pc:sldMk cId="1389186222" sldId="257"/>
            <ac:spMk id="3" creationId="{89C19921-0F14-6207-E298-39BAC174EC9E}"/>
          </ac:spMkLst>
        </pc:spChg>
      </pc:sldChg>
      <pc:sldChg chg="add del">
        <pc:chgData name="Petersson, Sofia" userId="dd2db270-32a0-49d3-9afd-d609051353e3" providerId="ADAL" clId="{E9E173E5-A2B1-437C-9801-AE98A031BA3D}" dt="2025-01-06T12:43:18.843" v="461" actId="47"/>
        <pc:sldMkLst>
          <pc:docMk/>
          <pc:sldMk cId="1014300577" sldId="258"/>
        </pc:sldMkLst>
      </pc:sldChg>
      <pc:sldChg chg="add del">
        <pc:chgData name="Petersson, Sofia" userId="dd2db270-32a0-49d3-9afd-d609051353e3" providerId="ADAL" clId="{E9E173E5-A2B1-437C-9801-AE98A031BA3D}" dt="2025-01-06T12:43:19.416" v="462" actId="47"/>
        <pc:sldMkLst>
          <pc:docMk/>
          <pc:sldMk cId="182428327" sldId="259"/>
        </pc:sldMkLst>
      </pc:sldChg>
      <pc:sldChg chg="modSp add mod">
        <pc:chgData name="Petersson, Sofia" userId="dd2db270-32a0-49d3-9afd-d609051353e3" providerId="ADAL" clId="{E9E173E5-A2B1-437C-9801-AE98A031BA3D}" dt="2025-01-06T12:54:47.619" v="1736" actId="6549"/>
        <pc:sldMkLst>
          <pc:docMk/>
          <pc:sldMk cId="1957477300" sldId="260"/>
        </pc:sldMkLst>
        <pc:spChg chg="mod">
          <ac:chgData name="Petersson, Sofia" userId="dd2db270-32a0-49d3-9afd-d609051353e3" providerId="ADAL" clId="{E9E173E5-A2B1-437C-9801-AE98A031BA3D}" dt="2025-01-06T12:38:23.292" v="231" actId="6549"/>
          <ac:spMkLst>
            <pc:docMk/>
            <pc:sldMk cId="1957477300" sldId="260"/>
            <ac:spMk id="2" creationId="{6093B462-8D5F-5570-DABF-4403665819AB}"/>
          </ac:spMkLst>
        </pc:spChg>
        <pc:spChg chg="mod">
          <ac:chgData name="Petersson, Sofia" userId="dd2db270-32a0-49d3-9afd-d609051353e3" providerId="ADAL" clId="{E9E173E5-A2B1-437C-9801-AE98A031BA3D}" dt="2025-01-06T12:54:47.619" v="1736" actId="6549"/>
          <ac:spMkLst>
            <pc:docMk/>
            <pc:sldMk cId="1957477300" sldId="260"/>
            <ac:spMk id="3" creationId="{4AFA22E4-E8B0-1006-FD0A-E99FED1C82AB}"/>
          </ac:spMkLst>
        </pc:spChg>
      </pc:sldChg>
      <pc:sldChg chg="modSp add mod">
        <pc:chgData name="Petersson, Sofia" userId="dd2db270-32a0-49d3-9afd-d609051353e3" providerId="ADAL" clId="{E9E173E5-A2B1-437C-9801-AE98A031BA3D}" dt="2025-01-06T12:53:28.923" v="1594" actId="114"/>
        <pc:sldMkLst>
          <pc:docMk/>
          <pc:sldMk cId="2872239037" sldId="261"/>
        </pc:sldMkLst>
        <pc:spChg chg="mod">
          <ac:chgData name="Petersson, Sofia" userId="dd2db270-32a0-49d3-9afd-d609051353e3" providerId="ADAL" clId="{E9E173E5-A2B1-437C-9801-AE98A031BA3D}" dt="2025-01-06T12:43:49.784" v="494" actId="6549"/>
          <ac:spMkLst>
            <pc:docMk/>
            <pc:sldMk cId="2872239037" sldId="261"/>
            <ac:spMk id="2" creationId="{0B3AD5BE-29F8-61D4-43F0-A779EFDA4586}"/>
          </ac:spMkLst>
        </pc:spChg>
        <pc:spChg chg="mod">
          <ac:chgData name="Petersson, Sofia" userId="dd2db270-32a0-49d3-9afd-d609051353e3" providerId="ADAL" clId="{E9E173E5-A2B1-437C-9801-AE98A031BA3D}" dt="2025-01-06T12:53:28.923" v="1594" actId="114"/>
          <ac:spMkLst>
            <pc:docMk/>
            <pc:sldMk cId="2872239037" sldId="261"/>
            <ac:spMk id="3" creationId="{606D7590-0530-44E6-D71B-C553C648066D}"/>
          </ac:spMkLst>
        </pc:spChg>
      </pc:sldChg>
      <pc:sldChg chg="modSp add mod">
        <pc:chgData name="Petersson, Sofia" userId="dd2db270-32a0-49d3-9afd-d609051353e3" providerId="ADAL" clId="{E9E173E5-A2B1-437C-9801-AE98A031BA3D}" dt="2025-01-06T13:10:18.869" v="3077" actId="20577"/>
        <pc:sldMkLst>
          <pc:docMk/>
          <pc:sldMk cId="1644492042" sldId="262"/>
        </pc:sldMkLst>
        <pc:spChg chg="mod">
          <ac:chgData name="Petersson, Sofia" userId="dd2db270-32a0-49d3-9afd-d609051353e3" providerId="ADAL" clId="{E9E173E5-A2B1-437C-9801-AE98A031BA3D}" dt="2025-01-06T12:44:05.054" v="520" actId="6549"/>
          <ac:spMkLst>
            <pc:docMk/>
            <pc:sldMk cId="1644492042" sldId="262"/>
            <ac:spMk id="2" creationId="{0E22293B-F8A7-49F6-9EDF-6DC59983DB71}"/>
          </ac:spMkLst>
        </pc:spChg>
        <pc:spChg chg="mod">
          <ac:chgData name="Petersson, Sofia" userId="dd2db270-32a0-49d3-9afd-d609051353e3" providerId="ADAL" clId="{E9E173E5-A2B1-437C-9801-AE98A031BA3D}" dt="2025-01-06T13:10:18.869" v="3077" actId="20577"/>
          <ac:spMkLst>
            <pc:docMk/>
            <pc:sldMk cId="1644492042" sldId="262"/>
            <ac:spMk id="3" creationId="{C859950A-9DCB-D6F0-9148-D0B3BCEEC250}"/>
          </ac:spMkLst>
        </pc:spChg>
      </pc:sldChg>
      <pc:sldChg chg="modSp add mod">
        <pc:chgData name="Petersson, Sofia" userId="dd2db270-32a0-49d3-9afd-d609051353e3" providerId="ADAL" clId="{E9E173E5-A2B1-437C-9801-AE98A031BA3D}" dt="2025-01-06T13:03:35.780" v="2802" actId="6549"/>
        <pc:sldMkLst>
          <pc:docMk/>
          <pc:sldMk cId="2969180436" sldId="263"/>
        </pc:sldMkLst>
        <pc:spChg chg="mod">
          <ac:chgData name="Petersson, Sofia" userId="dd2db270-32a0-49d3-9afd-d609051353e3" providerId="ADAL" clId="{E9E173E5-A2B1-437C-9801-AE98A031BA3D}" dt="2025-01-06T12:44:26.576" v="551" actId="6549"/>
          <ac:spMkLst>
            <pc:docMk/>
            <pc:sldMk cId="2969180436" sldId="263"/>
            <ac:spMk id="2" creationId="{F3410919-F71A-23B3-6905-CEDD33D29279}"/>
          </ac:spMkLst>
        </pc:spChg>
        <pc:spChg chg="mod">
          <ac:chgData name="Petersson, Sofia" userId="dd2db270-32a0-49d3-9afd-d609051353e3" providerId="ADAL" clId="{E9E173E5-A2B1-437C-9801-AE98A031BA3D}" dt="2025-01-06T13:03:35.780" v="2802" actId="6549"/>
          <ac:spMkLst>
            <pc:docMk/>
            <pc:sldMk cId="2969180436" sldId="263"/>
            <ac:spMk id="3" creationId="{4FA4A837-2A2B-C62A-2AFE-F26DDE9CBD0F}"/>
          </ac:spMkLst>
        </pc:spChg>
      </pc:sldChg>
      <pc:sldChg chg="modSp add mod">
        <pc:chgData name="Petersson, Sofia" userId="dd2db270-32a0-49d3-9afd-d609051353e3" providerId="ADAL" clId="{E9E173E5-A2B1-437C-9801-AE98A031BA3D}" dt="2025-01-06T13:27:52.016" v="4294" actId="20577"/>
        <pc:sldMkLst>
          <pc:docMk/>
          <pc:sldMk cId="606032134" sldId="264"/>
        </pc:sldMkLst>
        <pc:spChg chg="mod">
          <ac:chgData name="Petersson, Sofia" userId="dd2db270-32a0-49d3-9afd-d609051353e3" providerId="ADAL" clId="{E9E173E5-A2B1-437C-9801-AE98A031BA3D}" dt="2025-01-06T13:27:10.202" v="4242" actId="20577"/>
          <ac:spMkLst>
            <pc:docMk/>
            <pc:sldMk cId="606032134" sldId="264"/>
            <ac:spMk id="2" creationId="{D5A6F054-7A10-8F58-599B-988074769901}"/>
          </ac:spMkLst>
        </pc:spChg>
        <pc:spChg chg="mod">
          <ac:chgData name="Petersson, Sofia" userId="dd2db270-32a0-49d3-9afd-d609051353e3" providerId="ADAL" clId="{E9E173E5-A2B1-437C-9801-AE98A031BA3D}" dt="2025-01-06T13:27:52.016" v="4294" actId="20577"/>
          <ac:spMkLst>
            <pc:docMk/>
            <pc:sldMk cId="606032134" sldId="264"/>
            <ac:spMk id="3" creationId="{70FBA47F-DE03-9A82-CD5C-EC94B8A53F6C}"/>
          </ac:spMkLst>
        </pc:spChg>
      </pc:sldChg>
      <pc:sldChg chg="modSp add mod">
        <pc:chgData name="Petersson, Sofia" userId="dd2db270-32a0-49d3-9afd-d609051353e3" providerId="ADAL" clId="{E9E173E5-A2B1-437C-9801-AE98A031BA3D}" dt="2025-01-06T13:22:50.890" v="3392" actId="20577"/>
        <pc:sldMkLst>
          <pc:docMk/>
          <pc:sldMk cId="4285918387" sldId="265"/>
        </pc:sldMkLst>
        <pc:spChg chg="mod">
          <ac:chgData name="Petersson, Sofia" userId="dd2db270-32a0-49d3-9afd-d609051353e3" providerId="ADAL" clId="{E9E173E5-A2B1-437C-9801-AE98A031BA3D}" dt="2025-01-06T12:57:55.232" v="2328" actId="20577"/>
          <ac:spMkLst>
            <pc:docMk/>
            <pc:sldMk cId="4285918387" sldId="265"/>
            <ac:spMk id="2" creationId="{4FCA0865-1963-2685-4482-9A99E9A3F83E}"/>
          </ac:spMkLst>
        </pc:spChg>
        <pc:spChg chg="mod">
          <ac:chgData name="Petersson, Sofia" userId="dd2db270-32a0-49d3-9afd-d609051353e3" providerId="ADAL" clId="{E9E173E5-A2B1-437C-9801-AE98A031BA3D}" dt="2025-01-06T13:22:50.890" v="3392" actId="20577"/>
          <ac:spMkLst>
            <pc:docMk/>
            <pc:sldMk cId="4285918387" sldId="265"/>
            <ac:spMk id="3" creationId="{810A8D92-4BB8-6AAE-34B6-4B6414011523}"/>
          </ac:spMkLst>
        </pc:spChg>
      </pc:sldChg>
      <pc:sldChg chg="modSp add mod">
        <pc:chgData name="Petersson, Sofia" userId="dd2db270-32a0-49d3-9afd-d609051353e3" providerId="ADAL" clId="{E9E173E5-A2B1-437C-9801-AE98A031BA3D}" dt="2025-01-13T15:17:10.510" v="4676" actId="20577"/>
        <pc:sldMkLst>
          <pc:docMk/>
          <pc:sldMk cId="3291712636" sldId="266"/>
        </pc:sldMkLst>
        <pc:spChg chg="mod">
          <ac:chgData name="Petersson, Sofia" userId="dd2db270-32a0-49d3-9afd-d609051353e3" providerId="ADAL" clId="{E9E173E5-A2B1-437C-9801-AE98A031BA3D}" dt="2025-01-06T13:23:30.592" v="3432" actId="6549"/>
          <ac:spMkLst>
            <pc:docMk/>
            <pc:sldMk cId="3291712636" sldId="266"/>
            <ac:spMk id="2" creationId="{D62221D4-A277-929B-7270-CE430AEC155E}"/>
          </ac:spMkLst>
        </pc:spChg>
        <pc:spChg chg="mod">
          <ac:chgData name="Petersson, Sofia" userId="dd2db270-32a0-49d3-9afd-d609051353e3" providerId="ADAL" clId="{E9E173E5-A2B1-437C-9801-AE98A031BA3D}" dt="2025-01-13T15:17:10.510" v="4676" actId="20577"/>
          <ac:spMkLst>
            <pc:docMk/>
            <pc:sldMk cId="3291712636" sldId="266"/>
            <ac:spMk id="3" creationId="{52B0671C-2D5A-4D2C-092B-C9BD3D042026}"/>
          </ac:spMkLst>
        </pc:spChg>
      </pc:sldChg>
      <pc:sldChg chg="modSp add mod">
        <pc:chgData name="Petersson, Sofia" userId="dd2db270-32a0-49d3-9afd-d609051353e3" providerId="ADAL" clId="{E9E173E5-A2B1-437C-9801-AE98A031BA3D}" dt="2025-01-06T13:46:00.177" v="4674" actId="108"/>
        <pc:sldMkLst>
          <pc:docMk/>
          <pc:sldMk cId="4061400971" sldId="267"/>
        </pc:sldMkLst>
        <pc:spChg chg="mod">
          <ac:chgData name="Petersson, Sofia" userId="dd2db270-32a0-49d3-9afd-d609051353e3" providerId="ADAL" clId="{E9E173E5-A2B1-437C-9801-AE98A031BA3D}" dt="2025-01-06T13:28:14.256" v="4332" actId="6549"/>
          <ac:spMkLst>
            <pc:docMk/>
            <pc:sldMk cId="4061400971" sldId="267"/>
            <ac:spMk id="2" creationId="{9364F668-8CE7-8E4E-12F7-51ECADC6B3D8}"/>
          </ac:spMkLst>
        </pc:spChg>
        <pc:spChg chg="mod">
          <ac:chgData name="Petersson, Sofia" userId="dd2db270-32a0-49d3-9afd-d609051353e3" providerId="ADAL" clId="{E9E173E5-A2B1-437C-9801-AE98A031BA3D}" dt="2025-01-06T13:46:00.177" v="4674" actId="108"/>
          <ac:spMkLst>
            <pc:docMk/>
            <pc:sldMk cId="4061400971" sldId="267"/>
            <ac:spMk id="3" creationId="{458ABA04-6C73-C6B2-8E67-8BC7AF6BBFA4}"/>
          </ac:spMkLst>
        </pc:spChg>
      </pc:sldChg>
      <pc:sldChg chg="addSp delSp modSp add mod">
        <pc:chgData name="Petersson, Sofia" userId="dd2db270-32a0-49d3-9afd-d609051353e3" providerId="ADAL" clId="{E9E173E5-A2B1-437C-9801-AE98A031BA3D}" dt="2025-01-06T13:29:01.771" v="4352" actId="1076"/>
        <pc:sldMkLst>
          <pc:docMk/>
          <pc:sldMk cId="614563589" sldId="268"/>
        </pc:sldMkLst>
        <pc:spChg chg="del">
          <ac:chgData name="Petersson, Sofia" userId="dd2db270-32a0-49d3-9afd-d609051353e3" providerId="ADAL" clId="{E9E173E5-A2B1-437C-9801-AE98A031BA3D}" dt="2025-01-06T13:28:28.403" v="4335" actId="478"/>
          <ac:spMkLst>
            <pc:docMk/>
            <pc:sldMk cId="614563589" sldId="268"/>
            <ac:spMk id="2" creationId="{535D4948-5C45-0BE6-1B8C-20DA5053D1BF}"/>
          </ac:spMkLst>
        </pc:spChg>
        <pc:spChg chg="add mod">
          <ac:chgData name="Petersson, Sofia" userId="dd2db270-32a0-49d3-9afd-d609051353e3" providerId="ADAL" clId="{E9E173E5-A2B1-437C-9801-AE98A031BA3D}" dt="2025-01-06T13:29:01.771" v="4352" actId="1076"/>
          <ac:spMkLst>
            <pc:docMk/>
            <pc:sldMk cId="614563589" sldId="268"/>
            <ac:spMk id="4" creationId="{C9595673-D0F6-C2A5-090C-4C5978BB8ED7}"/>
          </ac:spMkLst>
        </pc:spChg>
        <pc:picChg chg="mod">
          <ac:chgData name="Petersson, Sofia" userId="dd2db270-32a0-49d3-9afd-d609051353e3" providerId="ADAL" clId="{E9E173E5-A2B1-437C-9801-AE98A031BA3D}" dt="2025-01-06T13:28:42.897" v="4338" actId="1076"/>
          <ac:picMkLst>
            <pc:docMk/>
            <pc:sldMk cId="614563589" sldId="268"/>
            <ac:picMk id="8" creationId="{5970A179-2060-C91D-8A7E-7D855CDD2827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7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95404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r">
              <a:defRPr sz="1300"/>
            </a:lvl1pPr>
          </a:lstStyle>
          <a:p>
            <a:fld id="{1AC6264D-5E1B-43A1-BDA4-35F2A3FC3E30}" type="datetimeFigureOut">
              <a:rPr lang="sv-SE" smtClean="0"/>
              <a:t>2025-01-13</a:t>
            </a:fld>
            <a:endParaRPr lang="sv-SE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95404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r">
              <a:defRPr sz="1300"/>
            </a:lvl1pPr>
          </a:lstStyle>
          <a:p>
            <a:fld id="{D47B687E-8740-4624-8791-1EFD058BFC29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52969354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95404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r">
              <a:defRPr sz="1300"/>
            </a:lvl1pPr>
          </a:lstStyle>
          <a:p>
            <a:fld id="{959D3711-9867-4B57-A76E-2E80A4047D3A}" type="datetimeFigureOut">
              <a:rPr lang="sv-SE" smtClean="0"/>
              <a:t>2025-01-13</a:t>
            </a:fld>
            <a:endParaRPr lang="sv-SE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39738" y="1250950"/>
            <a:ext cx="5997575" cy="33750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6451" tIns="48225" rIns="96451" bIns="48225" rtlCol="0" anchor="ctr"/>
          <a:lstStyle/>
          <a:p>
            <a:endParaRPr lang="sv-S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7705" y="4813866"/>
            <a:ext cx="5501640" cy="3938617"/>
          </a:xfrm>
          <a:prstGeom prst="rect">
            <a:avLst/>
          </a:prstGeom>
        </p:spPr>
        <p:txBody>
          <a:bodyPr vert="horz" lIns="96451" tIns="48225" rIns="96451" bIns="48225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sv-SE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95404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r">
              <a:defRPr sz="1300"/>
            </a:lvl1pPr>
          </a:lstStyle>
          <a:p>
            <a:fld id="{23F1F8FD-D415-4FD0-8C04-F454F1F9190A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29036751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3.svg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3.sv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6.sv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6.sv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5.xml"/></Relationships>
</file>

<file path=ppt/slideLayouts/_rels/slideLayout5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5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5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5.xml"/></Relationships>
</file>

<file path=ppt/slideLayouts/_rels/slideLayout5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5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3.sv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d 3">
            <a:extLst>
              <a:ext uri="{FF2B5EF4-FFF2-40B4-BE49-F238E27FC236}">
                <a16:creationId xmlns:a16="http://schemas.microsoft.com/office/drawing/2014/main" id="{854D391A-F18D-3442-959C-26FB345168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55A5A7CD-E6BA-FB4A-87E4-E3665068319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21A399A2-499E-FD4A-8FC0-8B4BEEDA4C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dirty="0"/>
              <a:t>Klicka för att lägga till en titel</a:t>
            </a:r>
          </a:p>
        </p:txBody>
      </p:sp>
      <p:sp>
        <p:nvSpPr>
          <p:cNvPr id="15" name="Platshållare för datum 14">
            <a:extLst>
              <a:ext uri="{FF2B5EF4-FFF2-40B4-BE49-F238E27FC236}">
                <a16:creationId xmlns:a16="http://schemas.microsoft.com/office/drawing/2014/main" id="{3CEE41C6-BF7D-6B43-9685-54B2982EEE35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/>
          <a:p>
            <a:fld id="{9C079292-B07E-B140-95F0-5C4397303CAC}" type="datetime1">
              <a:rPr lang="sv-SE" smtClean="0"/>
              <a:pPr/>
              <a:t>2025-01-13</a:t>
            </a:fld>
            <a:endParaRPr lang="sv-SE" dirty="0"/>
          </a:p>
        </p:txBody>
      </p:sp>
      <p:pic>
        <p:nvPicPr>
          <p:cNvPr id="11" name="Bild 10">
            <a:extLst>
              <a:ext uri="{FF2B5EF4-FFF2-40B4-BE49-F238E27FC236}">
                <a16:creationId xmlns:a16="http://schemas.microsoft.com/office/drawing/2014/main" id="{8641242E-731A-AD43-A2FB-8EA201A1CDF8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7751452"/>
      </p:ext>
    </p:extLst>
  </p:cSld>
  <p:clrMapOvr>
    <a:masterClrMapping/>
  </p:clrMapOvr>
  <p:transition spd="slow">
    <p:push dir="u"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grön flagga">
    <p:bg>
      <p:bgPr>
        <a:blipFill dpi="0" rotWithShape="1">
          <a:blip r:embed="rId2">
            <a:duotone>
              <a:schemeClr val="accent2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0472035"/>
      </p:ext>
    </p:extLst>
  </p:cSld>
  <p:clrMapOvr>
    <a:masterClrMapping/>
  </p:clrMapOvr>
  <p:transition spd="slow">
    <p:push dir="u"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blå flagga">
    <p:bg>
      <p:bgPr>
        <a:blipFill dpi="0"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7691889"/>
      </p:ext>
    </p:extLst>
  </p:cSld>
  <p:clrMapOvr>
    <a:masterClrMapping/>
  </p:clrMapOvr>
  <p:transition spd="slow">
    <p:push dir="u"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6C6C842A-849D-A14D-946D-A1DFB77192F3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9" name="Bild 8">
            <a:extLst>
              <a:ext uri="{FF2B5EF4-FFF2-40B4-BE49-F238E27FC236}">
                <a16:creationId xmlns:a16="http://schemas.microsoft.com/office/drawing/2014/main" id="{E3A909AD-B8A3-5043-B9AC-3B54513549C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1814119"/>
      </p:ext>
    </p:extLst>
  </p:cSld>
  <p:clrMapOvr>
    <a:masterClrMapping/>
  </p:clrMapOvr>
  <p:transition spd="slow">
    <p:push dir="u"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6C6C842A-849D-A14D-946D-A1DFB77192F3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9" name="Bild 8">
            <a:extLst>
              <a:ext uri="{FF2B5EF4-FFF2-40B4-BE49-F238E27FC236}">
                <a16:creationId xmlns:a16="http://schemas.microsoft.com/office/drawing/2014/main" id="{E3A909AD-B8A3-5043-B9AC-3B54513549C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70863274"/>
      </p:ext>
    </p:extLst>
  </p:cSld>
  <p:clrMapOvr>
    <a:masterClrMapping/>
  </p:clrMapOvr>
  <p:transition spd="slow">
    <p:push dir="u"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kapitelbeskrivning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7396261"/>
      </p:ext>
    </p:extLst>
  </p:cSld>
  <p:clrMapOvr>
    <a:masterClrMapping/>
  </p:clrMapOvr>
  <p:transition spd="slow">
    <p:push dir="u"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FE63F376-16B2-6347-AC07-FD9F9DA18EA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grpSp>
        <p:nvGrpSpPr>
          <p:cNvPr id="9" name="Group 9">
            <a:extLst>
              <a:ext uri="{FF2B5EF4-FFF2-40B4-BE49-F238E27FC236}">
                <a16:creationId xmlns:a16="http://schemas.microsoft.com/office/drawing/2014/main" id="{10D28200-F8DA-5F49-BAC9-3A633A498DE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2" name="Freeform 11">
              <a:extLst>
                <a:ext uri="{FF2B5EF4-FFF2-40B4-BE49-F238E27FC236}">
                  <a16:creationId xmlns:a16="http://schemas.microsoft.com/office/drawing/2014/main" id="{5855D993-4BE6-0B48-8FAC-C889BD0C0BE9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13" name="Freeform 10">
              <a:extLst>
                <a:ext uri="{FF2B5EF4-FFF2-40B4-BE49-F238E27FC236}">
                  <a16:creationId xmlns:a16="http://schemas.microsoft.com/office/drawing/2014/main" id="{D7FD6A9B-2327-BB40-BD74-F2469C0AA9FE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17" name="textruta 16">
            <a:extLst>
              <a:ext uri="{FF2B5EF4-FFF2-40B4-BE49-F238E27FC236}">
                <a16:creationId xmlns:a16="http://schemas.microsoft.com/office/drawing/2014/main" id="{7AEF29B2-7B2D-2646-BDDA-9D25FBD05E6C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  <p:pic>
        <p:nvPicPr>
          <p:cNvPr id="18" name="Bild 17">
            <a:extLst>
              <a:ext uri="{FF2B5EF4-FFF2-40B4-BE49-F238E27FC236}">
                <a16:creationId xmlns:a16="http://schemas.microsoft.com/office/drawing/2014/main" id="{AAAF6CFD-A553-ED4B-9AB0-37B65B3F481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6488069"/>
      </p:ext>
    </p:extLst>
  </p:cSld>
  <p:clrMapOvr>
    <a:masterClrMapping/>
  </p:clrMapOvr>
  <p:transition spd="slow">
    <p:push dir="u"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grå flagga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F7D1A545-07CC-5F45-A8B9-7819781DA3E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</p:spTree>
    <p:extLst>
      <p:ext uri="{BB962C8B-B14F-4D97-AF65-F5344CB8AC3E}">
        <p14:creationId xmlns:p14="http://schemas.microsoft.com/office/powerpoint/2010/main" val="34073437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grön flagga">
    <p:bg>
      <p:bgPr>
        <a:blipFill dpi="0" rotWithShape="1">
          <a:blip r:embed="rId2">
            <a:duotone>
              <a:schemeClr val="accent2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7CA5BF83-1B50-F846-9DEC-1E377638382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</p:spTree>
    <p:extLst>
      <p:ext uri="{BB962C8B-B14F-4D97-AF65-F5344CB8AC3E}">
        <p14:creationId xmlns:p14="http://schemas.microsoft.com/office/powerpoint/2010/main" val="41992794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blå flagga">
    <p:bg>
      <p:bgPr>
        <a:blipFill dpi="0"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06F65C4B-F415-C544-B9CC-5DC4A350B8D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</p:spTree>
    <p:extLst>
      <p:ext uri="{BB962C8B-B14F-4D97-AF65-F5344CB8AC3E}">
        <p14:creationId xmlns:p14="http://schemas.microsoft.com/office/powerpoint/2010/main" val="1646465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4C6BDE7E-8A4C-B847-AA2D-E6986C388E5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bg1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</p:spTree>
    <p:extLst>
      <p:ext uri="{BB962C8B-B14F-4D97-AF65-F5344CB8AC3E}">
        <p14:creationId xmlns:p14="http://schemas.microsoft.com/office/powerpoint/2010/main" val="31426966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grå flagga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BE83EA4B-0D59-3144-858E-E9B8E26D3D7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1-13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sv-SE" dirty="0"/>
              <a:t>Klicka för att lägga till en beskrivning av presentationen</a:t>
            </a:r>
          </a:p>
          <a:p>
            <a:pPr lvl="0"/>
            <a:endParaRPr lang="sv-SE" dirty="0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5330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A2B92E5F-D8CD-1644-A4AC-FC543607050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bg1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>
                <a:solidFill>
                  <a:schemeClr val="bg1"/>
                </a:solidFill>
              </a:rPr>
              <a:t>sodra.com</a:t>
            </a:r>
            <a:endParaRPr lang="sv-SE" sz="11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2249373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d 6">
            <a:extLst>
              <a:ext uri="{FF2B5EF4-FFF2-40B4-BE49-F238E27FC236}">
                <a16:creationId xmlns:a16="http://schemas.microsoft.com/office/drawing/2014/main" id="{ABE7832B-3ACF-D44C-A980-FE82F8B38E3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grpSp>
        <p:nvGrpSpPr>
          <p:cNvPr id="9" name="Group 9">
            <a:extLst>
              <a:ext uri="{FF2B5EF4-FFF2-40B4-BE49-F238E27FC236}">
                <a16:creationId xmlns:a16="http://schemas.microsoft.com/office/drawing/2014/main" id="{10D28200-F8DA-5F49-BAC9-3A633A498DE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2" name="Freeform 11">
              <a:extLst>
                <a:ext uri="{FF2B5EF4-FFF2-40B4-BE49-F238E27FC236}">
                  <a16:creationId xmlns:a16="http://schemas.microsoft.com/office/drawing/2014/main" id="{5855D993-4BE6-0B48-8FAC-C889BD0C0BE9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13" name="Freeform 10">
              <a:extLst>
                <a:ext uri="{FF2B5EF4-FFF2-40B4-BE49-F238E27FC236}">
                  <a16:creationId xmlns:a16="http://schemas.microsoft.com/office/drawing/2014/main" id="{D7FD6A9B-2327-BB40-BD74-F2469C0AA9FE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17" name="textruta 16">
            <a:extLst>
              <a:ext uri="{FF2B5EF4-FFF2-40B4-BE49-F238E27FC236}">
                <a16:creationId xmlns:a16="http://schemas.microsoft.com/office/drawing/2014/main" id="{7AEF29B2-7B2D-2646-BDDA-9D25FBD05E6C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8A7B94BB-1DEF-BB45-AC00-F871E1AD238B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72282740"/>
      </p:ext>
    </p:extLst>
  </p:cSld>
  <p:clrMapOvr>
    <a:masterClrMapping/>
  </p:clrMapOvr>
  <p:transition spd="slow">
    <p:push dir="u"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8413287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30194636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389099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38482108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sp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028737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B129AF8-3167-AE41-9122-981C682AEC91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6456364" y="1594799"/>
            <a:ext cx="5003799" cy="4534537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246279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4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56432A72-B952-3B4F-B0BB-8517D3772C89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9147600" y="1"/>
            <a:ext cx="3049200" cy="612933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8064500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0" y="1594800"/>
            <a:ext cx="8052925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0598658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0"/>
            <a:ext cx="4064399" cy="612933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70564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7044862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7712550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883">
          <p15:clr>
            <a:srgbClr val="FBAE40"/>
          </p15:clr>
        </p15:guide>
        <p15:guide id="3" pos="5110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5389099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10660284" y="263926"/>
            <a:ext cx="897568" cy="256934"/>
          </a:xfrm>
          <a:prstGeom prst="rect">
            <a:avLst/>
          </a:prstGeom>
        </p:spPr>
        <p:txBody>
          <a:bodyPr/>
          <a:lstStyle/>
          <a:p>
            <a:fld id="{6DF771C7-D0AC-45A7-9CE2-0567CF5509B0}" type="slidenum">
              <a:rPr lang="sv-SE" smtClean="0"/>
              <a:t>‹#›</a:t>
            </a:fld>
            <a:endParaRPr lang="sv-SE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389099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456363" y="0"/>
            <a:ext cx="5735637" cy="612933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3515753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067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t list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3" name="Rectangle 5">
            <a:extLst>
              <a:ext uri="{FF2B5EF4-FFF2-40B4-BE49-F238E27FC236}">
                <a16:creationId xmlns:a16="http://schemas.microsoft.com/office/drawing/2014/main" id="{E3E76700-4F12-3248-B6F2-1F2BAE2918CF}"/>
              </a:ext>
            </a:extLst>
          </p:cNvPr>
          <p:cNvSpPr/>
          <p:nvPr userDrawn="1"/>
        </p:nvSpPr>
        <p:spPr>
          <a:xfrm>
            <a:off x="1" y="1665289"/>
            <a:ext cx="12191999" cy="44640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E37C8F97-5ED7-5945-8D07-06F38F0A0B4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8413287" cy="3920325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1160502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7133364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grön flagga">
    <p:bg>
      <p:bgPr>
        <a:blipFill dpi="0" rotWithShape="1">
          <a:blip r:embed="rId2">
            <a:duotone>
              <a:schemeClr val="accent2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DFFFBE95-CF17-C446-BE1D-2B416F4A218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1-13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  <a:p>
            <a:pPr lvl="0"/>
            <a:endParaRPr lang="sv-SE" dirty="0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4604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4921914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 1">
            <a:extLst>
              <a:ext uri="{FF2B5EF4-FFF2-40B4-BE49-F238E27FC236}">
                <a16:creationId xmlns:a16="http://schemas.microsoft.com/office/drawing/2014/main" id="{BAE6684A-3890-6B46-945D-78614478A85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44261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ggande fot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FDA9426-820A-BC47-98CB-65CA3EE972B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-1" y="1665287"/>
            <a:ext cx="12191999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6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5D56EB2B-1E3E-BD42-8473-E3E8D01C348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5325" y="1882162"/>
            <a:ext cx="8424864" cy="3923326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9825584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60984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7"/>
            <a:ext cx="6098400" cy="446405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D64F5288-3139-9740-8A1A-67B6875FA84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6077744" cy="725488"/>
          </a:xfrm>
          <a:prstGeom prst="rect">
            <a:avLst/>
          </a:prstGeom>
          <a:noFill/>
        </p:spPr>
        <p:txBody>
          <a:bodyPr lIns="684000" tIns="0" rIns="360000" bIns="468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65D81186-EC99-5C4D-ABDD-E51BC7867E6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98400" y="5403850"/>
            <a:ext cx="6114255" cy="725488"/>
          </a:xfrm>
          <a:prstGeom prst="rect">
            <a:avLst/>
          </a:prstGeom>
          <a:noFill/>
        </p:spPr>
        <p:txBody>
          <a:bodyPr lIns="3600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5338996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446405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>
              <a:buNone/>
              <a:defRPr sz="1200" i="0"/>
            </a:lvl1pPr>
          </a:lstStyle>
          <a:p>
            <a:endParaRPr lang="sv-SE" dirty="0"/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4064398" cy="725488"/>
          </a:xfrm>
          <a:prstGeom prst="rect">
            <a:avLst/>
          </a:prstGeom>
          <a:noFill/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063801" y="5403850"/>
            <a:ext cx="4064398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BE6F9107-E6A2-4043-8CCB-EDD90870178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7557" y="5403850"/>
            <a:ext cx="4064398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9562690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6">
            <a:extLst>
              <a:ext uri="{FF2B5EF4-FFF2-40B4-BE49-F238E27FC236}">
                <a16:creationId xmlns:a16="http://schemas.microsoft.com/office/drawing/2014/main" id="{7824B4D1-1090-F147-9509-B503493F37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4" name="Picture Placeholder 6">
            <a:extLst>
              <a:ext uri="{FF2B5EF4-FFF2-40B4-BE49-F238E27FC236}">
                <a16:creationId xmlns:a16="http://schemas.microsoft.com/office/drawing/2014/main" id="{FDC60352-7C0E-E34D-885D-AF1C6388AB6A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049200" y="1665287"/>
            <a:ext cx="3049200" cy="446405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5" name="Picture Placeholder 6">
            <a:extLst>
              <a:ext uri="{FF2B5EF4-FFF2-40B4-BE49-F238E27FC236}">
                <a16:creationId xmlns:a16="http://schemas.microsoft.com/office/drawing/2014/main" id="{E7F87BCA-8970-D647-8148-3B053A303B6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09840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B1857AA0-9B4C-F345-BDC9-793EB31FAFA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147600" y="1665287"/>
            <a:ext cx="3049200" cy="446405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3054045" cy="725488"/>
          </a:xfrm>
          <a:prstGeom prst="rect">
            <a:avLst/>
          </a:prstGeom>
          <a:noFill/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054045" y="5403850"/>
            <a:ext cx="3049200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28E7FE68-A3C3-CF42-B513-4B81399C909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108090" y="5403850"/>
            <a:ext cx="3012098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B5C1A4D0-4CF5-784E-85E3-DA0B261E260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120188" y="5403850"/>
            <a:ext cx="3049200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12639948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rubrikbilder 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8"/>
            <a:ext cx="6098400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6098400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8400" y="389733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5832D1FF-C211-A94F-84D7-AA7D699BDA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6077744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4" name="Platshållare för text 9">
            <a:extLst>
              <a:ext uri="{FF2B5EF4-FFF2-40B4-BE49-F238E27FC236}">
                <a16:creationId xmlns:a16="http://schemas.microsoft.com/office/drawing/2014/main" id="{F9A2F794-5B8B-7243-8A67-7A243ABDED7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098400" y="5768974"/>
            <a:ext cx="6098400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5" name="Platshållare för text 9">
            <a:extLst>
              <a:ext uri="{FF2B5EF4-FFF2-40B4-BE49-F238E27FC236}">
                <a16:creationId xmlns:a16="http://schemas.microsoft.com/office/drawing/2014/main" id="{6CA57BC7-4BBB-8E44-A071-4BC6AD1A821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0" y="3536925"/>
            <a:ext cx="6077744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8FFE825B-70F9-D349-8420-888D49CA40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098400" y="3536925"/>
            <a:ext cx="6077744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4516910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4064399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064399" y="389733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DB1FD06D-14CC-1446-8197-1044C5472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27601" y="3897338"/>
            <a:ext cx="4064399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0C8340DE-E972-4F43-A0A9-39EA9D0941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4064398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BF510C2C-6C69-2A4C-8FCE-737C6E62D3B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3801" y="5768974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51169A60-1B27-1247-A126-48843A1EBBA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27557" y="5768974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9" name="Platshållare för text 9">
            <a:extLst>
              <a:ext uri="{FF2B5EF4-FFF2-40B4-BE49-F238E27FC236}">
                <a16:creationId xmlns:a16="http://schemas.microsoft.com/office/drawing/2014/main" id="{B600DF3F-A97A-264D-9D60-18A0F6B5674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-642" y="3536925"/>
            <a:ext cx="4064398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20" name="Platshållare för text 9">
            <a:extLst>
              <a:ext uri="{FF2B5EF4-FFF2-40B4-BE49-F238E27FC236}">
                <a16:creationId xmlns:a16="http://schemas.microsoft.com/office/drawing/2014/main" id="{3BBE1783-3FA6-9644-8DBE-D1CC75511DF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063159" y="3536925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21" name="Platshållare för text 9">
            <a:extLst>
              <a:ext uri="{FF2B5EF4-FFF2-40B4-BE49-F238E27FC236}">
                <a16:creationId xmlns:a16="http://schemas.microsoft.com/office/drawing/2014/main" id="{D8C3939B-20F3-D941-BB74-FAF647D0F84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26915" y="3536925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8341326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hel bakgrun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6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5D56EB2B-1E3E-BD42-8473-E3E8D01C348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5325" y="1595838"/>
            <a:ext cx="8424864" cy="4198906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33780888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8413287" cy="3920325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535921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blå flagga">
    <p:bg>
      <p:bgPr>
        <a:blipFill dpi="0"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686D57A7-79BF-1745-9D80-ED3DF5BE4E5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1-13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  <a:p>
            <a:pPr lvl="0"/>
            <a:endParaRPr lang="sv-SE" dirty="0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679365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sm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5389099" cy="3920326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495636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2 sp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4738"/>
            <a:ext cx="5028737" cy="3931901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B129AF8-3167-AE41-9122-981C682AEC91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6456364" y="1884738"/>
            <a:ext cx="5003799" cy="3931901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4331396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5032231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1/4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0" y="1885162"/>
            <a:ext cx="8052925" cy="3920325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56432A72-B952-3B4F-B0BB-8517D3772C89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914760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007324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1/3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587"/>
            <a:ext cx="7044862" cy="390875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7386014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883">
          <p15:clr>
            <a:srgbClr val="FBAE40"/>
          </p15:clr>
        </p15:guide>
        <p15:guide id="3" pos="5110">
          <p15:clr>
            <a:srgbClr val="FBAE40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1/2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587"/>
            <a:ext cx="5389099" cy="390875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456363" y="1665288"/>
            <a:ext cx="5735637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1285961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067">
          <p15:clr>
            <a:srgbClr val="FBAE40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2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60984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7"/>
            <a:ext cx="6098400" cy="4464051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D64F5288-3139-9740-8A1A-67B6875FA84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6077744" cy="725488"/>
          </a:xfrm>
          <a:prstGeom prst="rect">
            <a:avLst/>
          </a:prstGeom>
          <a:solidFill>
            <a:schemeClr val="accent4"/>
          </a:solidFill>
        </p:spPr>
        <p:txBody>
          <a:bodyPr lIns="684000" tIns="0" rIns="360000" bIns="468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65D81186-EC99-5C4D-ABDD-E51BC7867E6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98400" y="5403850"/>
            <a:ext cx="6114255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40494182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3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446405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>
              <a:buNone/>
              <a:defRPr sz="1200" i="0"/>
            </a:lvl1pPr>
          </a:lstStyle>
          <a:p>
            <a:endParaRPr lang="sv-SE" dirty="0"/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4064398" cy="725488"/>
          </a:xfrm>
          <a:prstGeom prst="rect">
            <a:avLst/>
          </a:prstGeom>
          <a:solidFill>
            <a:schemeClr val="accent4"/>
          </a:solidFill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063801" y="5403850"/>
            <a:ext cx="4064398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BE6F9107-E6A2-4043-8CCB-EDD90870178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7557" y="5403850"/>
            <a:ext cx="4064398" cy="725488"/>
          </a:xfrm>
          <a:prstGeom prst="rect">
            <a:avLst/>
          </a:prstGeom>
          <a:solidFill>
            <a:schemeClr val="accent4"/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987600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4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6">
            <a:extLst>
              <a:ext uri="{FF2B5EF4-FFF2-40B4-BE49-F238E27FC236}">
                <a16:creationId xmlns:a16="http://schemas.microsoft.com/office/drawing/2014/main" id="{7824B4D1-1090-F147-9509-B503493F37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4" name="Picture Placeholder 6">
            <a:extLst>
              <a:ext uri="{FF2B5EF4-FFF2-40B4-BE49-F238E27FC236}">
                <a16:creationId xmlns:a16="http://schemas.microsoft.com/office/drawing/2014/main" id="{FDC60352-7C0E-E34D-885D-AF1C6388AB6A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049200" y="1665287"/>
            <a:ext cx="3049200" cy="4464051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5" name="Picture Placeholder 6">
            <a:extLst>
              <a:ext uri="{FF2B5EF4-FFF2-40B4-BE49-F238E27FC236}">
                <a16:creationId xmlns:a16="http://schemas.microsoft.com/office/drawing/2014/main" id="{E7F87BCA-8970-D647-8148-3B053A303B6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09840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B1857AA0-9B4C-F345-BDC9-793EB31FAFA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147600" y="1665287"/>
            <a:ext cx="3049200" cy="4464051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3054045" cy="725488"/>
          </a:xfrm>
          <a:prstGeom prst="rect">
            <a:avLst/>
          </a:prstGeom>
          <a:solidFill>
            <a:schemeClr val="accent4"/>
          </a:solidFill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054045" y="5403850"/>
            <a:ext cx="3049200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28E7FE68-A3C3-CF42-B513-4B81399C909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108090" y="5403850"/>
            <a:ext cx="3012098" cy="725488"/>
          </a:xfrm>
          <a:prstGeom prst="rect">
            <a:avLst/>
          </a:prstGeom>
          <a:solidFill>
            <a:schemeClr val="accent4"/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B5C1A4D0-4CF5-784E-85E3-DA0B261E260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120188" y="5403850"/>
            <a:ext cx="3049200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3578570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4 rubrikbilder 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8"/>
            <a:ext cx="6098400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6098400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8400" y="389733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5832D1FF-C211-A94F-84D7-AA7D699BDA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6077744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4" name="Platshållare för text 9">
            <a:extLst>
              <a:ext uri="{FF2B5EF4-FFF2-40B4-BE49-F238E27FC236}">
                <a16:creationId xmlns:a16="http://schemas.microsoft.com/office/drawing/2014/main" id="{F9A2F794-5B8B-7243-8A67-7A243ABDED7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098400" y="5768974"/>
            <a:ext cx="6098400" cy="360363"/>
          </a:xfrm>
          <a:prstGeom prst="rect">
            <a:avLst/>
          </a:prstGeom>
          <a:solidFill>
            <a:schemeClr val="accent4"/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5" name="Platshållare för text 9">
            <a:extLst>
              <a:ext uri="{FF2B5EF4-FFF2-40B4-BE49-F238E27FC236}">
                <a16:creationId xmlns:a16="http://schemas.microsoft.com/office/drawing/2014/main" id="{6CA57BC7-4BBB-8E44-A071-4BC6AD1A821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0" y="3536925"/>
            <a:ext cx="6077744" cy="360363"/>
          </a:xfrm>
          <a:prstGeom prst="rect">
            <a:avLst/>
          </a:prstGeom>
          <a:solidFill>
            <a:schemeClr val="accent4"/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8FFE825B-70F9-D349-8420-888D49CA40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098400" y="3536925"/>
            <a:ext cx="6077744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4137186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5B2DD855-E416-BA4D-BE38-1536CBE2CCA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1-13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3BB39A23-0F4B-F04B-82D5-4E6582AE14D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069055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6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4064399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064399" y="389733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DB1FD06D-14CC-1446-8197-1044C5472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27601" y="3897338"/>
            <a:ext cx="4064399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0C8340DE-E972-4F43-A0A9-39EA9D0941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4064398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BF510C2C-6C69-2A4C-8FCE-737C6E62D3B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3801" y="5768974"/>
            <a:ext cx="4064398" cy="360363"/>
          </a:xfrm>
          <a:prstGeom prst="rect">
            <a:avLst/>
          </a:prstGeom>
          <a:solidFill>
            <a:schemeClr val="accent4"/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51169A60-1B27-1247-A126-48843A1EBBA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27557" y="5768974"/>
            <a:ext cx="4064398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9" name="Platshållare för text 9">
            <a:extLst>
              <a:ext uri="{FF2B5EF4-FFF2-40B4-BE49-F238E27FC236}">
                <a16:creationId xmlns:a16="http://schemas.microsoft.com/office/drawing/2014/main" id="{B600DF3F-A97A-264D-9D60-18A0F6B5674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-642" y="3536925"/>
            <a:ext cx="4064398" cy="360363"/>
          </a:xfrm>
          <a:prstGeom prst="rect">
            <a:avLst/>
          </a:prstGeom>
          <a:solidFill>
            <a:schemeClr val="accent4"/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20" name="Platshållare för text 9">
            <a:extLst>
              <a:ext uri="{FF2B5EF4-FFF2-40B4-BE49-F238E27FC236}">
                <a16:creationId xmlns:a16="http://schemas.microsoft.com/office/drawing/2014/main" id="{3BBE1783-3FA6-9644-8DBE-D1CC75511DF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063159" y="3536925"/>
            <a:ext cx="4064398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21" name="Platshållare för text 9">
            <a:extLst>
              <a:ext uri="{FF2B5EF4-FFF2-40B4-BE49-F238E27FC236}">
                <a16:creationId xmlns:a16="http://schemas.microsoft.com/office/drawing/2014/main" id="{D8C3939B-20F3-D941-BB74-FAF647D0F84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26915" y="3536925"/>
            <a:ext cx="4064398" cy="360363"/>
          </a:xfrm>
          <a:prstGeom prst="rect">
            <a:avLst/>
          </a:prstGeom>
          <a:solidFill>
            <a:schemeClr val="accent4"/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11146177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hel endast rubrik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5048918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hel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161924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>
            <a:extLst>
              <a:ext uri="{FF2B5EF4-FFF2-40B4-BE49-F238E27FC236}">
                <a16:creationId xmlns:a16="http://schemas.microsoft.com/office/drawing/2014/main" id="{8EEF2D5A-5A1D-5E49-9526-3413E3F66F7E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95324" y="2115879"/>
            <a:ext cx="10756556" cy="1860698"/>
          </a:xfrm>
        </p:spPr>
        <p:txBody>
          <a:bodyPr anchor="ctr"/>
          <a:lstStyle>
            <a:lvl1pPr marL="0" indent="0" algn="ctr">
              <a:buNone/>
              <a:defRPr sz="2400" b="0" i="1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algn="ctr">
              <a:defRPr/>
            </a:lvl2pPr>
            <a:lvl3pPr algn="ctr">
              <a:defRPr/>
            </a:lvl3pPr>
          </a:lstStyle>
          <a:p>
            <a:pPr lvl="0"/>
            <a:r>
              <a:rPr lang="sv-SE" dirty="0"/>
              <a:t>”</a:t>
            </a:r>
            <a:r>
              <a:rPr lang="sv-SE" dirty="0" err="1"/>
              <a:t>Lorem</a:t>
            </a:r>
            <a:r>
              <a:rPr lang="sv-SE" dirty="0"/>
              <a:t> </a:t>
            </a:r>
            <a:r>
              <a:rPr lang="sv-SE" dirty="0" err="1"/>
              <a:t>ipsum</a:t>
            </a:r>
            <a:r>
              <a:rPr lang="sv-SE" dirty="0"/>
              <a:t> </a:t>
            </a:r>
            <a:r>
              <a:rPr lang="sv-SE" dirty="0" err="1"/>
              <a:t>dolor</a:t>
            </a:r>
            <a:r>
              <a:rPr lang="sv-SE" dirty="0"/>
              <a:t> </a:t>
            </a:r>
            <a:r>
              <a:rPr lang="sv-SE" dirty="0" err="1"/>
              <a:t>sit</a:t>
            </a:r>
            <a:r>
              <a:rPr lang="sv-SE" dirty="0"/>
              <a:t> </a:t>
            </a:r>
            <a:r>
              <a:rPr lang="sv-SE" dirty="0" err="1"/>
              <a:t>amet</a:t>
            </a:r>
            <a:r>
              <a:rPr lang="sv-SE" dirty="0"/>
              <a:t>, </a:t>
            </a:r>
            <a:r>
              <a:rPr lang="sv-SE" dirty="0" err="1"/>
              <a:t>consectetur</a:t>
            </a:r>
            <a:r>
              <a:rPr lang="sv-SE" dirty="0"/>
              <a:t> </a:t>
            </a:r>
            <a:r>
              <a:rPr lang="sv-SE" dirty="0" err="1"/>
              <a:t>adipiscing</a:t>
            </a:r>
            <a:r>
              <a:rPr lang="sv-SE" dirty="0"/>
              <a:t> elit.”</a:t>
            </a:r>
          </a:p>
        </p:txBody>
      </p:sp>
      <p:sp>
        <p:nvSpPr>
          <p:cNvPr id="9" name="textruta 8">
            <a:extLst>
              <a:ext uri="{FF2B5EF4-FFF2-40B4-BE49-F238E27FC236}">
                <a16:creationId xmlns:a16="http://schemas.microsoft.com/office/drawing/2014/main" id="{4EE6B4BF-5894-DC40-86D1-045237A18904}"/>
              </a:ext>
            </a:extLst>
          </p:cNvPr>
          <p:cNvSpPr txBox="1"/>
          <p:nvPr userDrawn="1"/>
        </p:nvSpPr>
        <p:spPr>
          <a:xfrm>
            <a:off x="695324" y="4215202"/>
            <a:ext cx="10756555" cy="6124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1600" dirty="0">
                <a:solidFill>
                  <a:schemeClr val="accent5">
                    <a:lumMod val="10000"/>
                  </a:schemeClr>
                </a:solidFill>
              </a:rPr>
              <a:t>— </a:t>
            </a:r>
            <a:r>
              <a:rPr lang="sv-SE" sz="1600" b="1" dirty="0">
                <a:solidFill>
                  <a:schemeClr val="accent5">
                    <a:lumMod val="10000"/>
                  </a:schemeClr>
                </a:solidFill>
              </a:rPr>
              <a:t>Namn Efternamn</a:t>
            </a:r>
            <a:r>
              <a:rPr lang="sv-SE" sz="1600" dirty="0">
                <a:solidFill>
                  <a:schemeClr val="accent5">
                    <a:lumMod val="10000"/>
                  </a:schemeClr>
                </a:solidFill>
              </a:rPr>
              <a:t>, 1920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600" dirty="0" err="1">
              <a:solidFill>
                <a:schemeClr val="accent5">
                  <a:lumMod val="10000"/>
                </a:schemeClr>
              </a:solidFill>
            </a:endParaRPr>
          </a:p>
        </p:txBody>
      </p:sp>
      <p:pic>
        <p:nvPicPr>
          <p:cNvPr id="5" name="Bild 4">
            <a:extLst>
              <a:ext uri="{FF2B5EF4-FFF2-40B4-BE49-F238E27FC236}">
                <a16:creationId xmlns:a16="http://schemas.microsoft.com/office/drawing/2014/main" id="{C1A69BD4-429A-E944-B1D0-F166D124D04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585729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+ text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6" y="692150"/>
            <a:ext cx="5400674" cy="2311979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spcBef>
                <a:spcPts val="450"/>
              </a:spcBef>
              <a:defRPr sz="30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95325" y="3157945"/>
            <a:ext cx="5400675" cy="3176301"/>
          </a:xfrm>
        </p:spPr>
        <p:txBody>
          <a:bodyPr>
            <a:noAutofit/>
          </a:bodyPr>
          <a:lstStyle>
            <a:lvl1pPr marL="0" indent="0" algn="l">
              <a:spcBef>
                <a:spcPts val="600"/>
              </a:spcBef>
              <a:buNone/>
              <a:defRPr sz="1800">
                <a:solidFill>
                  <a:schemeClr val="accent5">
                    <a:lumMod val="10000"/>
                  </a:schemeClr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sv-SE" dirty="0"/>
              <a:t>Klicka här för att ändra mall för under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563943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+ text mö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5" y="692150"/>
            <a:ext cx="5400674" cy="2305692"/>
          </a:xfrm>
          <a:prstGeom prst="rect">
            <a:avLst/>
          </a:prstGeom>
          <a:noFill/>
        </p:spPr>
        <p:txBody>
          <a:bodyPr anchor="b">
            <a:noAutofit/>
          </a:bodyPr>
          <a:lstStyle>
            <a:lvl1pPr algn="l">
              <a:spcBef>
                <a:spcPts val="450"/>
              </a:spcBef>
              <a:defRPr sz="3000"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95327" y="3146374"/>
            <a:ext cx="5400674" cy="2622601"/>
          </a:xfrm>
        </p:spPr>
        <p:txBody>
          <a:bodyPr>
            <a:noAutofit/>
          </a:bodyPr>
          <a:lstStyle>
            <a:lvl1pPr marL="0" indent="0" algn="l">
              <a:spcBef>
                <a:spcPts val="600"/>
              </a:spcBef>
              <a:buNone/>
              <a:defRPr sz="180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sv-SE"/>
              <a:t>Klicka här för att ändra mall för underrubrikformat</a:t>
            </a:r>
            <a:endParaRPr lang="sv-SE" dirty="0"/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964834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5" y="1665288"/>
            <a:ext cx="10764837" cy="2683428"/>
          </a:xfrm>
          <a:prstGeom prst="rect">
            <a:avLst/>
          </a:prstGeom>
        </p:spPr>
        <p:txBody>
          <a:bodyPr anchor="ctr">
            <a:noAutofit/>
          </a:bodyPr>
          <a:lstStyle>
            <a:lvl1pPr algn="ctr">
              <a:spcBef>
                <a:spcPts val="450"/>
              </a:spcBef>
              <a:defRPr sz="30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här för att ändra mall för 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240141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mö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5" y="1665287"/>
            <a:ext cx="10763634" cy="2683429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algn="ctr">
              <a:spcBef>
                <a:spcPts val="450"/>
              </a:spcBef>
              <a:defRPr sz="3000"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här för att ändra mall för 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935485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 utfallan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7432793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X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5D7E68FD-A7B2-4842-99D8-231708B40CC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098400" cy="6129338"/>
          </a:xfr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17" name="Picture Placeholder 6">
            <a:extLst>
              <a:ext uri="{FF2B5EF4-FFF2-40B4-BE49-F238E27FC236}">
                <a16:creationId xmlns:a16="http://schemas.microsoft.com/office/drawing/2014/main" id="{DA11AE2A-8260-9746-9500-793A09BDF0B0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098400" y="0"/>
            <a:ext cx="6098400" cy="6129338"/>
          </a:xfrm>
          <a:solidFill>
            <a:schemeClr val="accent4"/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Subtitle 2">
            <a:extLst>
              <a:ext uri="{FF2B5EF4-FFF2-40B4-BE49-F238E27FC236}">
                <a16:creationId xmlns:a16="http://schemas.microsoft.com/office/drawing/2014/main" id="{B03A3F0D-C299-2047-A316-074A7F2C8DCE}"/>
              </a:ext>
            </a:extLst>
          </p:cNvPr>
          <p:cNvSpPr txBox="1">
            <a:spLocks/>
          </p:cNvSpPr>
          <p:nvPr userDrawn="1"/>
        </p:nvSpPr>
        <p:spPr>
          <a:xfrm>
            <a:off x="6780213" y="1672302"/>
            <a:ext cx="4679950" cy="1763712"/>
          </a:xfrm>
          <a:prstGeom prst="rect">
            <a:avLst/>
          </a:prstGeom>
        </p:spPr>
        <p:txBody>
          <a:bodyPr vert="horz" lIns="0" tIns="45720" rIns="91440" bIns="45720" rtlCol="0">
            <a:noAutofit/>
          </a:bodyPr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2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3429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5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6858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35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10287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4pPr>
            <a:lvl5pPr marL="13716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17145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0574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4003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7432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sv-SE" sz="1600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A6C28412-FC74-B042-B1E7-87C44A0BF22E}"/>
              </a:ext>
            </a:extLst>
          </p:cNvPr>
          <p:cNvSpPr>
            <a:spLocks noGrp="1"/>
          </p:cNvSpPr>
          <p:nvPr>
            <p:ph type="body" idx="17"/>
          </p:nvPr>
        </p:nvSpPr>
        <p:spPr>
          <a:xfrm>
            <a:off x="704913" y="692150"/>
            <a:ext cx="4670361" cy="828306"/>
          </a:xfrm>
        </p:spPr>
        <p:txBody>
          <a:bodyPr anchor="t"/>
          <a:lstStyle>
            <a:lvl1pPr marL="0" indent="0">
              <a:buNone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C83AD96A-1B85-A74C-9EB8-A018C1618A95}"/>
              </a:ext>
            </a:extLst>
          </p:cNvPr>
          <p:cNvSpPr>
            <a:spLocks noGrp="1"/>
          </p:cNvSpPr>
          <p:nvPr>
            <p:ph type="body" idx="18"/>
          </p:nvPr>
        </p:nvSpPr>
        <p:spPr>
          <a:xfrm>
            <a:off x="6780214" y="692150"/>
            <a:ext cx="4679950" cy="828306"/>
          </a:xfrm>
        </p:spPr>
        <p:txBody>
          <a:bodyPr anchor="t"/>
          <a:lstStyle>
            <a:lvl1pPr marL="0" indent="0">
              <a:buNone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7" name="Platshållare för text 6">
            <a:extLst>
              <a:ext uri="{FF2B5EF4-FFF2-40B4-BE49-F238E27FC236}">
                <a16:creationId xmlns:a16="http://schemas.microsoft.com/office/drawing/2014/main" id="{445FED84-6D45-AB42-9BB5-5A9756213E8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769909" y="1671638"/>
            <a:ext cx="4679950" cy="1811337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21" name="Platshållare för text 6">
            <a:extLst>
              <a:ext uri="{FF2B5EF4-FFF2-40B4-BE49-F238E27FC236}">
                <a16:creationId xmlns:a16="http://schemas.microsoft.com/office/drawing/2014/main" id="{BF7A6C93-7EBD-BE4E-AD54-BE679F67F424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95324" y="1671638"/>
            <a:ext cx="4679950" cy="1811337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22" name="textruta 21">
            <a:extLst>
              <a:ext uri="{FF2B5EF4-FFF2-40B4-BE49-F238E27FC236}">
                <a16:creationId xmlns:a16="http://schemas.microsoft.com/office/drawing/2014/main" id="{8E3C4652-7BCE-814D-85F3-E55329E501A9}"/>
              </a:ext>
            </a:extLst>
          </p:cNvPr>
          <p:cNvSpPr txBox="1"/>
          <p:nvPr userDrawn="1"/>
        </p:nvSpPr>
        <p:spPr>
          <a:xfrm>
            <a:off x="0" y="-300941"/>
            <a:ext cx="5333511" cy="2169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900" dirty="0">
                <a:solidFill>
                  <a:schemeClr val="accent4">
                    <a:lumMod val="75000"/>
                  </a:schemeClr>
                </a:solidFill>
              </a:rPr>
              <a:t>OBS! Klicka på ikonen för att lägga till en bild, eller byt färg för att få annan bakgrundsfärg på plattan.</a:t>
            </a:r>
          </a:p>
        </p:txBody>
      </p:sp>
    </p:spTree>
    <p:extLst>
      <p:ext uri="{BB962C8B-B14F-4D97-AF65-F5344CB8AC3E}">
        <p14:creationId xmlns:p14="http://schemas.microsoft.com/office/powerpoint/2010/main" val="5078222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386">
          <p15:clr>
            <a:srgbClr val="FBAE40"/>
          </p15:clr>
        </p15:guide>
        <p15:guide id="2" pos="427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F1C95CC3-D23A-C343-A7E1-CB7351B92D1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1-13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3BB39A23-0F4B-F04B-82D5-4E6582AE14D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87162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X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6">
            <a:extLst>
              <a:ext uri="{FF2B5EF4-FFF2-40B4-BE49-F238E27FC236}">
                <a16:creationId xmlns:a16="http://schemas.microsoft.com/office/drawing/2014/main" id="{09C6345B-63AA-8045-9421-27F8A6EB8B9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19176" y="0"/>
            <a:ext cx="4064399" cy="6139464"/>
          </a:xfr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5793B58F-23EB-8A4B-A206-FD268DD8E1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064400" y="0"/>
            <a:ext cx="4064399" cy="6139464"/>
          </a:xfrm>
          <a:solidFill>
            <a:schemeClr val="accent4"/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21" name="Picture Placeholder 6">
            <a:extLst>
              <a:ext uri="{FF2B5EF4-FFF2-40B4-BE49-F238E27FC236}">
                <a16:creationId xmlns:a16="http://schemas.microsoft.com/office/drawing/2014/main" id="{6A3FBD4C-54F9-D048-9744-4372D4FEB3E2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8128800" y="0"/>
            <a:ext cx="4064399" cy="6139464"/>
          </a:xfr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522CECA7-695D-B341-A68F-E29A56BD0F0C}"/>
              </a:ext>
            </a:extLst>
          </p:cNvPr>
          <p:cNvSpPr>
            <a:spLocks noGrp="1"/>
          </p:cNvSpPr>
          <p:nvPr>
            <p:ph type="body" idx="17"/>
          </p:nvPr>
        </p:nvSpPr>
        <p:spPr>
          <a:xfrm>
            <a:off x="704913" y="692150"/>
            <a:ext cx="2851001" cy="713624"/>
          </a:xfrm>
        </p:spPr>
        <p:txBody>
          <a:bodyPr anchor="t"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25" name="Platshållare för text 6">
            <a:extLst>
              <a:ext uri="{FF2B5EF4-FFF2-40B4-BE49-F238E27FC236}">
                <a16:creationId xmlns:a16="http://schemas.microsoft.com/office/drawing/2014/main" id="{52901966-427A-8D44-92EC-C626D03F0E13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95324" y="1578194"/>
            <a:ext cx="2856855" cy="210292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9E526292-FBD2-1148-A6F9-0094F991B95E}"/>
              </a:ext>
            </a:extLst>
          </p:cNvPr>
          <p:cNvSpPr>
            <a:spLocks noGrp="1"/>
          </p:cNvSpPr>
          <p:nvPr>
            <p:ph type="body" idx="23"/>
          </p:nvPr>
        </p:nvSpPr>
        <p:spPr>
          <a:xfrm>
            <a:off x="4684881" y="692150"/>
            <a:ext cx="2851001" cy="713624"/>
          </a:xfrm>
        </p:spPr>
        <p:txBody>
          <a:bodyPr anchor="t"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27" name="Platshållare för text 6">
            <a:extLst>
              <a:ext uri="{FF2B5EF4-FFF2-40B4-BE49-F238E27FC236}">
                <a16:creationId xmlns:a16="http://schemas.microsoft.com/office/drawing/2014/main" id="{DE2FA5A6-998F-4E44-8678-5FBA62880917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675292" y="1578194"/>
            <a:ext cx="2856855" cy="210292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437EB32D-2074-8141-86FE-37EE2D5439F6}"/>
              </a:ext>
            </a:extLst>
          </p:cNvPr>
          <p:cNvSpPr>
            <a:spLocks noGrp="1"/>
          </p:cNvSpPr>
          <p:nvPr>
            <p:ph type="body" idx="25"/>
          </p:nvPr>
        </p:nvSpPr>
        <p:spPr>
          <a:xfrm>
            <a:off x="8645675" y="692150"/>
            <a:ext cx="2851001" cy="713624"/>
          </a:xfrm>
        </p:spPr>
        <p:txBody>
          <a:bodyPr anchor="t"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29" name="Platshållare för text 6">
            <a:extLst>
              <a:ext uri="{FF2B5EF4-FFF2-40B4-BE49-F238E27FC236}">
                <a16:creationId xmlns:a16="http://schemas.microsoft.com/office/drawing/2014/main" id="{A14B0336-E299-9F4B-9057-BE53195878B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636086" y="1578194"/>
            <a:ext cx="2856855" cy="210292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30" name="textruta 29">
            <a:extLst>
              <a:ext uri="{FF2B5EF4-FFF2-40B4-BE49-F238E27FC236}">
                <a16:creationId xmlns:a16="http://schemas.microsoft.com/office/drawing/2014/main" id="{38FDB05A-ACBF-BB4B-8F78-F06DE0662C90}"/>
              </a:ext>
            </a:extLst>
          </p:cNvPr>
          <p:cNvSpPr txBox="1"/>
          <p:nvPr userDrawn="1"/>
        </p:nvSpPr>
        <p:spPr>
          <a:xfrm>
            <a:off x="0" y="-300941"/>
            <a:ext cx="5333511" cy="2169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900" dirty="0">
                <a:solidFill>
                  <a:schemeClr val="accent4">
                    <a:lumMod val="75000"/>
                  </a:schemeClr>
                </a:solidFill>
              </a:rPr>
              <a:t>OBS! Klicka på ikonen för att lägga till en bild, eller byt färg för att få annan bakgrundsfärg på plattan.</a:t>
            </a:r>
          </a:p>
        </p:txBody>
      </p:sp>
    </p:spTree>
    <p:extLst>
      <p:ext uri="{BB962C8B-B14F-4D97-AF65-F5344CB8AC3E}">
        <p14:creationId xmlns:p14="http://schemas.microsoft.com/office/powerpoint/2010/main" val="32387943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386">
          <p15:clr>
            <a:srgbClr val="FBAE40"/>
          </p15:clr>
        </p15:guide>
        <p15:guide id="2" pos="427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 5">
            <a:extLst>
              <a:ext uri="{FF2B5EF4-FFF2-40B4-BE49-F238E27FC236}">
                <a16:creationId xmlns:a16="http://schemas.microsoft.com/office/drawing/2014/main" id="{8F2E7850-4012-014C-AEE7-39A7B02E64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55A5A7CD-E6BA-FB4A-87E4-E3665068319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21A399A2-499E-FD4A-8FC0-8B4BEEDA4C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dirty="0"/>
              <a:t>Klicka för att lägga till en titel</a:t>
            </a:r>
          </a:p>
        </p:txBody>
      </p:sp>
      <p:sp>
        <p:nvSpPr>
          <p:cNvPr id="15" name="Platshållare för datum 14">
            <a:extLst>
              <a:ext uri="{FF2B5EF4-FFF2-40B4-BE49-F238E27FC236}">
                <a16:creationId xmlns:a16="http://schemas.microsoft.com/office/drawing/2014/main" id="{3CEE41C6-BF7D-6B43-9685-54B2982EEE35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10633381" y="564235"/>
            <a:ext cx="826782" cy="273600"/>
          </a:xfrm>
        </p:spPr>
        <p:txBody>
          <a:bodyPr/>
          <a:lstStyle/>
          <a:p>
            <a:fld id="{9C079292-B07E-B140-95F0-5C4397303CAC}" type="datetime1">
              <a:rPr lang="sv-SE" smtClean="0"/>
              <a:pPr/>
              <a:t>2025-01-13</a:t>
            </a:fld>
            <a:endParaRPr lang="sv-SE" dirty="0"/>
          </a:p>
        </p:txBody>
      </p:sp>
      <p:pic>
        <p:nvPicPr>
          <p:cNvPr id="22" name="Bild 21">
            <a:extLst>
              <a:ext uri="{FF2B5EF4-FFF2-40B4-BE49-F238E27FC236}">
                <a16:creationId xmlns:a16="http://schemas.microsoft.com/office/drawing/2014/main" id="{CB3E823A-76E5-5C4F-83C6-248375E55ECD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8532160"/>
      </p:ext>
    </p:extLst>
  </p:cSld>
  <p:clrMapOvr>
    <a:masterClrMapping/>
  </p:clrMapOvr>
  <p:transition spd="slow">
    <p:push dir="u"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2850253"/>
      </p:ext>
    </p:extLst>
  </p:cSld>
  <p:clrMapOvr>
    <a:masterClrMapping/>
  </p:clrMapOvr>
  <p:transition spd="slow">
    <p:push dir="u"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grå flagga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2041958"/>
      </p:ext>
    </p:extLst>
  </p:cSld>
  <p:clrMapOvr>
    <a:masterClrMapping/>
  </p:clrMapOvr>
  <p:transition spd="slow">
    <p:push dir="u"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9.xml"/><Relationship Id="rId13" Type="http://schemas.openxmlformats.org/officeDocument/2006/relationships/image" Target="../media/image4.svg"/><Relationship Id="rId3" Type="http://schemas.openxmlformats.org/officeDocument/2006/relationships/slideLayout" Target="../slideLayouts/slideLayout24.xml"/><Relationship Id="rId7" Type="http://schemas.openxmlformats.org/officeDocument/2006/relationships/slideLayout" Target="../slideLayouts/slideLayout28.xml"/><Relationship Id="rId12" Type="http://schemas.openxmlformats.org/officeDocument/2006/relationships/image" Target="../media/image3.png"/><Relationship Id="rId2" Type="http://schemas.openxmlformats.org/officeDocument/2006/relationships/slideLayout" Target="../slideLayouts/slideLayout23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11" Type="http://schemas.openxmlformats.org/officeDocument/2006/relationships/theme" Target="../theme/theme2.xml"/><Relationship Id="rId5" Type="http://schemas.openxmlformats.org/officeDocument/2006/relationships/slideLayout" Target="../slideLayouts/slideLayout26.xml"/><Relationship Id="rId10" Type="http://schemas.openxmlformats.org/officeDocument/2006/relationships/slideLayout" Target="../slideLayouts/slideLayout31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.png"/><Relationship Id="rId3" Type="http://schemas.openxmlformats.org/officeDocument/2006/relationships/slideLayout" Target="../slideLayouts/slideLayout34.xml"/><Relationship Id="rId7" Type="http://schemas.openxmlformats.org/officeDocument/2006/relationships/theme" Target="../theme/theme3.xml"/><Relationship Id="rId2" Type="http://schemas.openxmlformats.org/officeDocument/2006/relationships/slideLayout" Target="../slideLayouts/slideLayout33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5" Type="http://schemas.openxmlformats.org/officeDocument/2006/relationships/slideLayout" Target="../slideLayouts/slideLayout36.xml"/><Relationship Id="rId4" Type="http://schemas.openxmlformats.org/officeDocument/2006/relationships/slideLayout" Target="../slideLayouts/slideLayout35.xml"/><Relationship Id="rId9" Type="http://schemas.openxmlformats.org/officeDocument/2006/relationships/image" Target="../media/image4.svg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5.xml"/><Relationship Id="rId13" Type="http://schemas.openxmlformats.org/officeDocument/2006/relationships/slideLayout" Target="../slideLayouts/slideLayout50.xml"/><Relationship Id="rId18" Type="http://schemas.openxmlformats.org/officeDocument/2006/relationships/image" Target="../media/image4.svg"/><Relationship Id="rId3" Type="http://schemas.openxmlformats.org/officeDocument/2006/relationships/slideLayout" Target="../slideLayouts/slideLayout40.xml"/><Relationship Id="rId7" Type="http://schemas.openxmlformats.org/officeDocument/2006/relationships/slideLayout" Target="../slideLayouts/slideLayout44.xml"/><Relationship Id="rId12" Type="http://schemas.openxmlformats.org/officeDocument/2006/relationships/slideLayout" Target="../slideLayouts/slideLayout49.xml"/><Relationship Id="rId17" Type="http://schemas.openxmlformats.org/officeDocument/2006/relationships/image" Target="../media/image3.png"/><Relationship Id="rId2" Type="http://schemas.openxmlformats.org/officeDocument/2006/relationships/slideLayout" Target="../slideLayouts/slideLayout39.xml"/><Relationship Id="rId16" Type="http://schemas.openxmlformats.org/officeDocument/2006/relationships/theme" Target="../theme/theme4.xml"/><Relationship Id="rId1" Type="http://schemas.openxmlformats.org/officeDocument/2006/relationships/slideLayout" Target="../slideLayouts/slideLayout38.xml"/><Relationship Id="rId6" Type="http://schemas.openxmlformats.org/officeDocument/2006/relationships/slideLayout" Target="../slideLayouts/slideLayout43.xml"/><Relationship Id="rId11" Type="http://schemas.openxmlformats.org/officeDocument/2006/relationships/slideLayout" Target="../slideLayouts/slideLayout48.xml"/><Relationship Id="rId5" Type="http://schemas.openxmlformats.org/officeDocument/2006/relationships/slideLayout" Target="../slideLayouts/slideLayout42.xml"/><Relationship Id="rId15" Type="http://schemas.openxmlformats.org/officeDocument/2006/relationships/slideLayout" Target="../slideLayouts/slideLayout52.xml"/><Relationship Id="rId10" Type="http://schemas.openxmlformats.org/officeDocument/2006/relationships/slideLayout" Target="../slideLayouts/slideLayout47.xml"/><Relationship Id="rId4" Type="http://schemas.openxmlformats.org/officeDocument/2006/relationships/slideLayout" Target="../slideLayouts/slideLayout41.xml"/><Relationship Id="rId9" Type="http://schemas.openxmlformats.org/officeDocument/2006/relationships/slideLayout" Target="../slideLayouts/slideLayout46.xml"/><Relationship Id="rId14" Type="http://schemas.openxmlformats.org/officeDocument/2006/relationships/slideLayout" Target="../slideLayouts/slideLayout51.xml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60.xml"/><Relationship Id="rId3" Type="http://schemas.openxmlformats.org/officeDocument/2006/relationships/slideLayout" Target="../slideLayouts/slideLayout55.xml"/><Relationship Id="rId7" Type="http://schemas.openxmlformats.org/officeDocument/2006/relationships/slideLayout" Target="../slideLayouts/slideLayout59.xml"/><Relationship Id="rId2" Type="http://schemas.openxmlformats.org/officeDocument/2006/relationships/slideLayout" Target="../slideLayouts/slideLayout54.xml"/><Relationship Id="rId1" Type="http://schemas.openxmlformats.org/officeDocument/2006/relationships/slideLayout" Target="../slideLayouts/slideLayout53.xml"/><Relationship Id="rId6" Type="http://schemas.openxmlformats.org/officeDocument/2006/relationships/slideLayout" Target="../slideLayouts/slideLayout58.xml"/><Relationship Id="rId11" Type="http://schemas.openxmlformats.org/officeDocument/2006/relationships/image" Target="../media/image4.svg"/><Relationship Id="rId5" Type="http://schemas.openxmlformats.org/officeDocument/2006/relationships/slideLayout" Target="../slideLayouts/slideLayout57.xml"/><Relationship Id="rId10" Type="http://schemas.openxmlformats.org/officeDocument/2006/relationships/image" Target="../media/image3.png"/><Relationship Id="rId4" Type="http://schemas.openxmlformats.org/officeDocument/2006/relationships/slideLayout" Target="../slideLayouts/slideLayout56.xml"/><Relationship Id="rId9" Type="http://schemas.openxmlformats.org/officeDocument/2006/relationships/theme" Target="../theme/theme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4" y="1280450"/>
            <a:ext cx="9145589" cy="197885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10633381" y="563013"/>
            <a:ext cx="826782" cy="273600"/>
          </a:xfrm>
          <a:prstGeom prst="rect">
            <a:avLst/>
          </a:prstGeom>
        </p:spPr>
        <p:txBody>
          <a:bodyPr vert="horz" lIns="0" tIns="0" rIns="0" bIns="45720" rtlCol="0" anchor="b"/>
          <a:lstStyle>
            <a:lvl1pPr algn="r">
              <a:defRPr sz="8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1-13</a:t>
            </a:fld>
            <a:endParaRPr lang="sv-SE" dirty="0"/>
          </a:p>
        </p:txBody>
      </p:sp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EE571BC1-B05F-B348-9A9C-535D8864B62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3" y="3498450"/>
            <a:ext cx="7835219" cy="226574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</p:txBody>
      </p:sp>
    </p:spTree>
    <p:extLst>
      <p:ext uri="{BB962C8B-B14F-4D97-AF65-F5344CB8AC3E}">
        <p14:creationId xmlns:p14="http://schemas.microsoft.com/office/powerpoint/2010/main" val="2285319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38" r:id="rId1"/>
    <p:sldLayoutId id="2147484133" r:id="rId2"/>
    <p:sldLayoutId id="2147484159" r:id="rId3"/>
    <p:sldLayoutId id="2147484160" r:id="rId4"/>
    <p:sldLayoutId id="2147484134" r:id="rId5"/>
    <p:sldLayoutId id="2147484166" r:id="rId6"/>
    <p:sldLayoutId id="2147484132" r:id="rId7"/>
    <p:sldLayoutId id="2147484141" r:id="rId8"/>
    <p:sldLayoutId id="2147484140" r:id="rId9"/>
    <p:sldLayoutId id="2147484161" r:id="rId10"/>
    <p:sldLayoutId id="2147484162" r:id="rId11"/>
    <p:sldLayoutId id="2147484112" r:id="rId12"/>
    <p:sldLayoutId id="2147484167" r:id="rId13"/>
    <p:sldLayoutId id="2147484111" r:id="rId14"/>
    <p:sldLayoutId id="2147484139" r:id="rId15"/>
    <p:sldLayoutId id="2147484163" r:id="rId16"/>
    <p:sldLayoutId id="2147484164" r:id="rId17"/>
    <p:sldLayoutId id="2147484165" r:id="rId18"/>
    <p:sldLayoutId id="2147484168" r:id="rId19"/>
    <p:sldLayoutId id="2147484169" r:id="rId20"/>
    <p:sldLayoutId id="2147483995" r:id="rId21"/>
  </p:sldLayoutIdLst>
  <p:transition spd="slow">
    <p:push dir="u"/>
  </p:transition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6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0" indent="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None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8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43" userDrawn="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178" userDrawn="1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537" userDrawn="1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142" userDrawn="1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840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6153" userDrawn="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80" userDrawn="1">
          <p15:clr>
            <a:srgbClr val="F26B43"/>
          </p15:clr>
        </p15:guide>
        <p15:guide id="20" orient="horz" pos="527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833AE2B6-3F1F-9A4F-A7BC-FC7E54E3F437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endParaRPr lang="sv-SE" dirty="0"/>
          </a:p>
        </p:txBody>
      </p:sp>
      <p:sp>
        <p:nvSpPr>
          <p:cNvPr id="9" name="Platshållare för text 8">
            <a:extLst>
              <a:ext uri="{FF2B5EF4-FFF2-40B4-BE49-F238E27FC236}">
                <a16:creationId xmlns:a16="http://schemas.microsoft.com/office/drawing/2014/main" id="{8B4D8A52-14DE-214B-976A-DD37F856FF6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5" y="1594800"/>
            <a:ext cx="8424863" cy="45345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pic>
        <p:nvPicPr>
          <p:cNvPr id="7" name="Bild 6">
            <a:extLst>
              <a:ext uri="{FF2B5EF4-FFF2-40B4-BE49-F238E27FC236}">
                <a16:creationId xmlns:a16="http://schemas.microsoft.com/office/drawing/2014/main" id="{229C2D57-98CC-AD41-8B74-754CA3A52665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567389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24" r:id="rId1"/>
    <p:sldLayoutId id="2147484025" r:id="rId2"/>
    <p:sldLayoutId id="2147484026" r:id="rId3"/>
    <p:sldLayoutId id="2147484027" r:id="rId4"/>
    <p:sldLayoutId id="2147484028" r:id="rId5"/>
    <p:sldLayoutId id="2147484029" r:id="rId6"/>
    <p:sldLayoutId id="2147484131" r:id="rId7"/>
    <p:sldLayoutId id="2147484038" r:id="rId8"/>
    <p:sldLayoutId id="2147484036" r:id="rId9"/>
    <p:sldLayoutId id="2147484130" r:id="rId10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613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5745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57">
          <p15:clr>
            <a:srgbClr val="F26B43"/>
          </p15:clr>
        </p15:guide>
        <p15:guide id="20" orient="horz" pos="527">
          <p15:clr>
            <a:srgbClr val="F26B43"/>
          </p15:clr>
        </p15:guide>
        <p15:guide id="21" pos="4067">
          <p15:clr>
            <a:srgbClr val="F26B43"/>
          </p15:clr>
        </p15:guide>
        <p15:guide id="22" pos="3840">
          <p15:clr>
            <a:srgbClr val="F26B43"/>
          </p15:clr>
        </p15:guide>
        <p15:guide id="23" pos="1912">
          <p15:clr>
            <a:srgbClr val="F26B43"/>
          </p15:clr>
        </p15:guide>
        <p15:guide id="24" pos="2547">
          <p15:clr>
            <a:srgbClr val="F26B43"/>
          </p15:clr>
        </p15:guide>
        <p15:guide id="25" pos="5110">
          <p15:clr>
            <a:srgbClr val="F26B43"/>
          </p15:clr>
        </p15:guide>
        <p15:guide id="26" pos="4883">
          <p15:clr>
            <a:srgbClr val="F26B43"/>
          </p15:clr>
        </p15:guide>
        <p15:guide id="27" pos="5518">
          <p15:clr>
            <a:srgbClr val="F26B43"/>
          </p15:clr>
        </p15:guide>
        <p15:guide id="28" orient="horz" pos="1230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833AE2B6-3F1F-9A4F-A7BC-FC7E54E3F437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endParaRPr lang="sv-SE" dirty="0"/>
          </a:p>
        </p:txBody>
      </p:sp>
      <p:sp>
        <p:nvSpPr>
          <p:cNvPr id="9" name="Platshållare för text 8">
            <a:extLst>
              <a:ext uri="{FF2B5EF4-FFF2-40B4-BE49-F238E27FC236}">
                <a16:creationId xmlns:a16="http://schemas.microsoft.com/office/drawing/2014/main" id="{8B4D8A52-14DE-214B-976A-DD37F856FF6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5" y="1594800"/>
            <a:ext cx="8424863" cy="45345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pic>
        <p:nvPicPr>
          <p:cNvPr id="7" name="Bild 6">
            <a:extLst>
              <a:ext uri="{FF2B5EF4-FFF2-40B4-BE49-F238E27FC236}">
                <a16:creationId xmlns:a16="http://schemas.microsoft.com/office/drawing/2014/main" id="{229C2D57-98CC-AD41-8B74-754CA3A52665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011215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24" r:id="rId1"/>
    <p:sldLayoutId id="2147484125" r:id="rId2"/>
    <p:sldLayoutId id="2147484126" r:id="rId3"/>
    <p:sldLayoutId id="2147484127" r:id="rId4"/>
    <p:sldLayoutId id="2147484128" r:id="rId5"/>
    <p:sldLayoutId id="2147484129" r:id="rId6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613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5745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57">
          <p15:clr>
            <a:srgbClr val="F26B43"/>
          </p15:clr>
        </p15:guide>
        <p15:guide id="20" orient="horz" pos="527">
          <p15:clr>
            <a:srgbClr val="F26B43"/>
          </p15:clr>
        </p15:guide>
        <p15:guide id="21" pos="4067">
          <p15:clr>
            <a:srgbClr val="F26B43"/>
          </p15:clr>
        </p15:guide>
        <p15:guide id="22" pos="3840">
          <p15:clr>
            <a:srgbClr val="F26B43"/>
          </p15:clr>
        </p15:guide>
        <p15:guide id="23" pos="1912">
          <p15:clr>
            <a:srgbClr val="F26B43"/>
          </p15:clr>
        </p15:guide>
        <p15:guide id="24" pos="2547">
          <p15:clr>
            <a:srgbClr val="F26B43"/>
          </p15:clr>
        </p15:guide>
        <p15:guide id="25" pos="5110">
          <p15:clr>
            <a:srgbClr val="F26B43"/>
          </p15:clr>
        </p15:guide>
        <p15:guide id="26" pos="4883">
          <p15:clr>
            <a:srgbClr val="F26B43"/>
          </p15:clr>
        </p15:guide>
        <p15:guide id="27" pos="5518">
          <p15:clr>
            <a:srgbClr val="F26B43"/>
          </p15:clr>
        </p15:guide>
        <p15:guide id="28" orient="horz" pos="1230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ktangel 11">
            <a:extLst>
              <a:ext uri="{FF2B5EF4-FFF2-40B4-BE49-F238E27FC236}">
                <a16:creationId xmlns:a16="http://schemas.microsoft.com/office/drawing/2014/main" id="{CA99F73C-0FD4-474F-BBCE-C7CD15F63925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7" name="Rectangle 5">
            <a:extLst>
              <a:ext uri="{FF2B5EF4-FFF2-40B4-BE49-F238E27FC236}">
                <a16:creationId xmlns:a16="http://schemas.microsoft.com/office/drawing/2014/main" id="{DA6EC51D-32D4-144E-AACE-1CF961B3F3B8}"/>
              </a:ext>
            </a:extLst>
          </p:cNvPr>
          <p:cNvSpPr/>
          <p:nvPr userDrawn="1"/>
        </p:nvSpPr>
        <p:spPr>
          <a:xfrm>
            <a:off x="1" y="1665289"/>
            <a:ext cx="12191999" cy="446405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9" name="Platshållare för text 8">
            <a:extLst>
              <a:ext uri="{FF2B5EF4-FFF2-40B4-BE49-F238E27FC236}">
                <a16:creationId xmlns:a16="http://schemas.microsoft.com/office/drawing/2014/main" id="{8B4D8A52-14DE-214B-976A-DD37F856FF6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5" y="1883546"/>
            <a:ext cx="8424863" cy="3921942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pic>
        <p:nvPicPr>
          <p:cNvPr id="8" name="Bild 7">
            <a:extLst>
              <a:ext uri="{FF2B5EF4-FFF2-40B4-BE49-F238E27FC236}">
                <a16:creationId xmlns:a16="http://schemas.microsoft.com/office/drawing/2014/main" id="{817712D8-BB07-2342-9671-81F061F114CD}"/>
              </a:ext>
            </a:extLst>
          </p:cNvPr>
          <p:cNvPicPr>
            <a:picLocks noChangeAspect="1"/>
          </p:cNvPicPr>
          <p:nvPr userDrawn="1"/>
        </p:nvPicPr>
        <p:blipFill>
          <a:blip r:embed="rId17">
            <a:extLs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7801789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13" r:id="rId1"/>
    <p:sldLayoutId id="2147483877" r:id="rId2"/>
    <p:sldLayoutId id="2147484016" r:id="rId3"/>
    <p:sldLayoutId id="2147484015" r:id="rId4"/>
    <p:sldLayoutId id="2147484039" r:id="rId5"/>
    <p:sldLayoutId id="2147483881" r:id="rId6"/>
    <p:sldLayoutId id="2147483882" r:id="rId7"/>
    <p:sldLayoutId id="2147483883" r:id="rId8"/>
    <p:sldLayoutId id="2147483895" r:id="rId9"/>
    <p:sldLayoutId id="2147483896" r:id="rId10"/>
    <p:sldLayoutId id="2147484022" r:id="rId11"/>
    <p:sldLayoutId id="2147483897" r:id="rId12"/>
    <p:sldLayoutId id="2147483898" r:id="rId13"/>
    <p:sldLayoutId id="2147484040" r:id="rId14"/>
    <p:sldLayoutId id="2147484037" r:id="rId15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613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5745" userDrawn="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57" userDrawn="1">
          <p15:clr>
            <a:srgbClr val="F26B43"/>
          </p15:clr>
        </p15:guide>
        <p15:guide id="20" orient="horz" pos="527">
          <p15:clr>
            <a:srgbClr val="F26B43"/>
          </p15:clr>
        </p15:guide>
        <p15:guide id="21" pos="4067">
          <p15:clr>
            <a:srgbClr val="F26B43"/>
          </p15:clr>
        </p15:guide>
        <p15:guide id="22" pos="3840">
          <p15:clr>
            <a:srgbClr val="F26B43"/>
          </p15:clr>
        </p15:guide>
        <p15:guide id="23" pos="1912" userDrawn="1">
          <p15:clr>
            <a:srgbClr val="F26B43"/>
          </p15:clr>
        </p15:guide>
        <p15:guide id="24" pos="2547" userDrawn="1">
          <p15:clr>
            <a:srgbClr val="F26B43"/>
          </p15:clr>
        </p15:guide>
        <p15:guide id="25" pos="5110" userDrawn="1">
          <p15:clr>
            <a:srgbClr val="F26B43"/>
          </p15:clr>
        </p15:guide>
        <p15:guide id="26" pos="4883" userDrawn="1">
          <p15:clr>
            <a:srgbClr val="F26B43"/>
          </p15:clr>
        </p15:guide>
        <p15:guide id="27" pos="5518" userDrawn="1">
          <p15:clr>
            <a:srgbClr val="F26B43"/>
          </p15:clr>
        </p15:guide>
        <p15:guide id="28" orient="horz" pos="1230" userDrawn="1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endParaRPr lang="sv-SE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5325" y="1665288"/>
            <a:ext cx="10764838" cy="4322917"/>
          </a:xfrm>
          <a:prstGeom prst="rect">
            <a:avLst/>
          </a:prstGeom>
        </p:spPr>
        <p:txBody>
          <a:bodyPr vert="horz" lIns="0" tIns="45720" rIns="91440" bIns="45720" rtlCol="0">
            <a:noAutofit/>
          </a:bodyPr>
          <a:lstStyle/>
          <a:p>
            <a:pPr lvl="0"/>
            <a:r>
              <a:rPr lang="sv-SE" dirty="0"/>
              <a:t>Redigera format för bakgrundstext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28ADF3FD-ABC6-A94D-B30D-FBD26B9F306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8" name="Bild 7">
            <a:extLst>
              <a:ext uri="{FF2B5EF4-FFF2-40B4-BE49-F238E27FC236}">
                <a16:creationId xmlns:a16="http://schemas.microsoft.com/office/drawing/2014/main" id="{F0654751-DE90-BD48-B4D4-A27798D1946C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16228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51" r:id="rId1"/>
    <p:sldLayoutId id="2147483852" r:id="rId2"/>
    <p:sldLayoutId id="2147483853" r:id="rId3"/>
    <p:sldLayoutId id="2147483901" r:id="rId4"/>
    <p:sldLayoutId id="2147483902" r:id="rId5"/>
    <p:sldLayoutId id="2147483856" r:id="rId6"/>
    <p:sldLayoutId id="2147483854" r:id="rId7"/>
    <p:sldLayoutId id="2147483855" r:id="rId8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840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6199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34">
          <p15:clr>
            <a:srgbClr val="F26B43"/>
          </p15:clr>
        </p15:guide>
        <p15:guide id="20" orient="horz" pos="527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image" Target="../media/image18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7" Type="http://schemas.openxmlformats.org/officeDocument/2006/relationships/hyperlink" Target="https://aktiva.svenskfotboll.se/utbildning/tranarmaterial/digitala-bocker/fsll/#/" TargetMode="Externa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6" Type="http://schemas.openxmlformats.org/officeDocument/2006/relationships/hyperlink" Target="https://www.laget.se/RappeGoIF/Document/Download/2214710/10986571" TargetMode="External"/><Relationship Id="rId5" Type="http://schemas.openxmlformats.org/officeDocument/2006/relationships/hyperlink" Target="https://www.laget.se/RappeGoIF/News/7771880/Arsmote-den-13-februari-2025" TargetMode="External"/><Relationship Id="rId4" Type="http://schemas.openxmlformats.org/officeDocument/2006/relationships/image" Target="../media/image18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4" Type="http://schemas.openxmlformats.org/officeDocument/2006/relationships/image" Target="../media/image18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8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1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18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18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6" Type="http://schemas.openxmlformats.org/officeDocument/2006/relationships/hyperlink" Target="https://www.svenskfotboll.se/496ead/globalassets/distrikt/smaland/dokument/tavling/2025/barn-och-ungdom/tb-barn--och-ungdomsfotboll-2024-smff.pdf" TargetMode="External"/><Relationship Id="rId5" Type="http://schemas.openxmlformats.org/officeDocument/2006/relationships/hyperlink" Target="https://aktiva.svenskfotboll.se/tranare/vardegrund/gront-kort/" TargetMode="External"/><Relationship Id="rId4" Type="http://schemas.openxmlformats.org/officeDocument/2006/relationships/image" Target="../media/image18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18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18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1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DE50E9C0-FA39-2422-2C27-BEE028EC1EC7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179B5975-5D54-AA7C-301D-9A8E5549465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957391" y="938259"/>
            <a:ext cx="4084983" cy="4981482"/>
          </a:xfrm>
          <a:prstGeom prst="rect">
            <a:avLst/>
          </a:prstGeom>
        </p:spPr>
      </p:pic>
      <p:sp>
        <p:nvSpPr>
          <p:cNvPr id="9" name="textruta 8">
            <a:extLst>
              <a:ext uri="{FF2B5EF4-FFF2-40B4-BE49-F238E27FC236}">
                <a16:creationId xmlns:a16="http://schemas.microsoft.com/office/drawing/2014/main" id="{41D38591-81DC-C2B1-DF94-CE9B5A33BDB8}"/>
              </a:ext>
            </a:extLst>
          </p:cNvPr>
          <p:cNvSpPr txBox="1"/>
          <p:nvPr/>
        </p:nvSpPr>
        <p:spPr>
          <a:xfrm>
            <a:off x="1500809" y="2236304"/>
            <a:ext cx="4094921" cy="183486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Föräldramöte F15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13 januari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0603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B34E567-058E-5906-8207-413731E2C90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C7A63D0B-784B-9C81-9D19-1265C137A3E0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B7C9AABA-ED1F-599C-024A-A0A7367BC59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89029" y="233712"/>
            <a:ext cx="1698171" cy="207085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9364F668-8CE7-8E4E-12F7-51ECADC6B3D8}"/>
              </a:ext>
            </a:extLst>
          </p:cNvPr>
          <p:cNvSpPr txBox="1"/>
          <p:nvPr/>
        </p:nvSpPr>
        <p:spPr>
          <a:xfrm>
            <a:off x="914400" y="805069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Övrigt?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458ABA04-6C73-C6B2-8E67-8BC7AF6BBFA4}"/>
              </a:ext>
            </a:extLst>
          </p:cNvPr>
          <p:cNvSpPr txBox="1"/>
          <p:nvPr/>
        </p:nvSpPr>
        <p:spPr>
          <a:xfrm>
            <a:off x="914400" y="1941997"/>
            <a:ext cx="10664687" cy="271458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hlinkClick r:id="rId5"/>
              </a:rPr>
              <a:t>Årsmöte den 13 februari 2025 | Räppe GoIF</a:t>
            </a:r>
            <a:endParaRPr lang="sv-SE" sz="2400" dirty="0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Spelarutvecklingsplan Räppe; 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  <a:hlinkClick r:id="rId6"/>
              </a:rPr>
              <a:t>https://www.laget.se/RappeGoIF/Document/Download/2214710/10986571</a:t>
            </a: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Föräldrautbildning;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dirty="0">
                <a:hlinkClick r:id="rId7"/>
              </a:rPr>
              <a:t>SvFF | Fotbollens spela, lek och lär - </a:t>
            </a:r>
            <a:r>
              <a:rPr lang="sv-SE" sz="2000" dirty="0" err="1">
                <a:hlinkClick r:id="rId7"/>
              </a:rPr>
              <a:t>Overview</a:t>
            </a: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14009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C738B3-6EA7-C1CD-728E-611462E46BA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5A7978DA-8131-0A79-9D41-E24F057028C5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5970A179-2060-C91D-8A7E-7D855CDD282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38919" y="1164361"/>
            <a:ext cx="3714161" cy="4529278"/>
          </a:xfrm>
          <a:prstGeom prst="rect">
            <a:avLst/>
          </a:prstGeom>
        </p:spPr>
      </p:pic>
      <p:sp>
        <p:nvSpPr>
          <p:cNvPr id="3" name="textruta 2">
            <a:extLst>
              <a:ext uri="{FF2B5EF4-FFF2-40B4-BE49-F238E27FC236}">
                <a16:creationId xmlns:a16="http://schemas.microsoft.com/office/drawing/2014/main" id="{D0C03C50-B7B4-B0B6-4DF1-D227587DA3F2}"/>
              </a:ext>
            </a:extLst>
          </p:cNvPr>
          <p:cNvSpPr txBox="1"/>
          <p:nvPr/>
        </p:nvSpPr>
        <p:spPr>
          <a:xfrm>
            <a:off x="914400" y="1941997"/>
            <a:ext cx="10664687" cy="7804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</p:txBody>
      </p:sp>
      <p:sp>
        <p:nvSpPr>
          <p:cNvPr id="4" name="textruta 3">
            <a:extLst>
              <a:ext uri="{FF2B5EF4-FFF2-40B4-BE49-F238E27FC236}">
                <a16:creationId xmlns:a16="http://schemas.microsoft.com/office/drawing/2014/main" id="{C9595673-D0F6-C2A5-090C-4C5978BB8ED7}"/>
              </a:ext>
            </a:extLst>
          </p:cNvPr>
          <p:cNvSpPr txBox="1"/>
          <p:nvPr/>
        </p:nvSpPr>
        <p:spPr>
          <a:xfrm>
            <a:off x="2498034" y="5919085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TAC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145635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500A96A-5759-073B-E3E3-3BEB9110879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B7D804BF-3490-9FCA-AF5F-03B836D20DA7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96E18B59-A402-ED6E-CBD0-33F71112ABB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89029" y="233712"/>
            <a:ext cx="1698171" cy="207085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AE189EB0-AF08-9B38-F254-0266B3D392F6}"/>
              </a:ext>
            </a:extLst>
          </p:cNvPr>
          <p:cNvSpPr txBox="1"/>
          <p:nvPr/>
        </p:nvSpPr>
        <p:spPr>
          <a:xfrm>
            <a:off x="914400" y="805069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Inför säsongen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89C19921-0F14-6207-E298-39BAC174EC9E}"/>
              </a:ext>
            </a:extLst>
          </p:cNvPr>
          <p:cNvSpPr txBox="1"/>
          <p:nvPr/>
        </p:nvSpPr>
        <p:spPr>
          <a:xfrm>
            <a:off x="914400" y="2098507"/>
            <a:ext cx="7195930" cy="266098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F15 - 14 spelare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Ledare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Jonna Elmgren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dirty="0" err="1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Nima</a:t>
            </a:r>
            <a:r>
              <a:rPr lang="sv-SE" sz="20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 </a:t>
            </a:r>
            <a:r>
              <a:rPr lang="sv-SE" sz="2000" dirty="0" err="1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Naser</a:t>
            </a:r>
            <a:endParaRPr lang="sv-SE" sz="20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Sofia Petersson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Jenny Larss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91862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B85865C-26C0-F587-2241-EA86B096168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FD5C0C58-A6BD-9D07-783C-1F29CE92F5B5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438F4892-04E4-DF36-6CD8-5C63186E371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89029" y="233712"/>
            <a:ext cx="1698171" cy="207085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6093B462-8D5F-5570-DABF-4403665819AB}"/>
              </a:ext>
            </a:extLst>
          </p:cNvPr>
          <p:cNvSpPr txBox="1"/>
          <p:nvPr/>
        </p:nvSpPr>
        <p:spPr>
          <a:xfrm>
            <a:off x="914400" y="805069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Träningstider försäsong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4AFA22E4-E8B0-1006-FD0A-E99FED1C82AB}"/>
              </a:ext>
            </a:extLst>
          </p:cNvPr>
          <p:cNvSpPr txBox="1"/>
          <p:nvPr/>
        </p:nvSpPr>
        <p:spPr>
          <a:xfrm>
            <a:off x="914400" y="1941997"/>
            <a:ext cx="10664687" cy="411093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Lördagar Öjaby gympasal (inomhus) 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 err="1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kl</a:t>
            </a: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 14:00 - 15:00; samling 13:50 (18 januari - 15 mars)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Tisdagar Pär Lagerqvist konstgräs (utomhus) 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 err="1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kl</a:t>
            </a: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 17:30 - 18:30; samling 17:20 (25 feb - tills Räppevallen öppnar)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Förslag att boka Pär Lagerqvist konstgräs (utomhus) torsdagar från 20 mars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Två träningar i veckan som inriktnin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Önskemål och tankar kring tider och träningar?</a:t>
            </a: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574773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ACAD116-8F0D-5FB1-1D9A-60CDA77F310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78BB9582-B73A-AC63-1F1B-EC2C6B0CDC1E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B3468767-0FAD-3E30-6374-BF1DAEB51BA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89029" y="233712"/>
            <a:ext cx="1698171" cy="207085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D62221D4-A277-929B-7270-CE430AEC155E}"/>
              </a:ext>
            </a:extLst>
          </p:cNvPr>
          <p:cNvSpPr txBox="1"/>
          <p:nvPr/>
        </p:nvSpPr>
        <p:spPr>
          <a:xfrm>
            <a:off x="914400" y="805069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Träningar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52B0671C-2D5A-4D2C-092B-C9BD3D042026}"/>
              </a:ext>
            </a:extLst>
          </p:cNvPr>
          <p:cNvSpPr txBox="1"/>
          <p:nvPr/>
        </p:nvSpPr>
        <p:spPr>
          <a:xfrm>
            <a:off x="914400" y="1941997"/>
            <a:ext cx="10664687" cy="405521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Glädje och kamratskap och samarbeta som la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	Lyssna </a:t>
            </a: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och ta in instruktioner; koncentration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Träna individuell teknik, koordination och motorik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	Teknik; Passning, Mottagning, Drivning, Fint, </a:t>
            </a:r>
            <a:r>
              <a:rPr lang="sv-SE" sz="2400" dirty="0" err="1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Dibbling</a:t>
            </a: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, Skott, Nick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Lag och positionsspel; fokus anfall, försvar målvakt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	Anfallsspel; Spelbar, Spelavstånd, Spelbredd, Speldjup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917126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35085B6-8B2F-71BB-B186-964575CE1DA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CBF582A6-BDE3-48A5-78E1-49558017E872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049613C6-DE6A-78D9-BF34-D96EE819D92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89029" y="233712"/>
            <a:ext cx="1698171" cy="207085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F3410919-F71A-23B3-6905-CEDD33D29279}"/>
              </a:ext>
            </a:extLst>
          </p:cNvPr>
          <p:cNvSpPr txBox="1"/>
          <p:nvPr/>
        </p:nvSpPr>
        <p:spPr>
          <a:xfrm>
            <a:off x="914400" y="805069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Matcher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4FA4A837-2A2B-C62A-2AFE-F26DDE9CBD0F}"/>
              </a:ext>
            </a:extLst>
          </p:cNvPr>
          <p:cNvSpPr txBox="1"/>
          <p:nvPr/>
        </p:nvSpPr>
        <p:spPr>
          <a:xfrm>
            <a:off x="914400" y="1612059"/>
            <a:ext cx="10784264" cy="56925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Seriespel i Smålands fotbollsförbunds serieuppläg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1 lag i 7 manna anmält – serieindelning fastställande 14 feb – 14 mars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 err="1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Prel</a:t>
            </a: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 start v 18 – 1 match i veckan fram till v 25 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Höstsäsong v 33 - 42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Inriktning är att spela med 10 spelare per match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Alla spelare som tränar regelbundet erbjuds att spela match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Ledare fördelar matcher jämnt över säsongen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Svara på kallelser så att vi kan planera kring matcher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691804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186125-0542-9883-CA0B-511912BC0C7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68F615DC-B032-B2AF-8067-3DCDA8865844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120ECF5F-912B-B86E-2E88-3CFE42207E9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89029" y="233712"/>
            <a:ext cx="1698171" cy="207085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4FCA0865-1963-2685-4482-9A99E9A3F83E}"/>
              </a:ext>
            </a:extLst>
          </p:cNvPr>
          <p:cNvSpPr txBox="1"/>
          <p:nvPr/>
        </p:nvSpPr>
        <p:spPr>
          <a:xfrm>
            <a:off x="914400" y="805069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Matcher – mer information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810A8D92-4BB8-6AAE-34B6-4B6414011523}"/>
              </a:ext>
            </a:extLst>
          </p:cNvPr>
          <p:cNvSpPr txBox="1"/>
          <p:nvPr/>
        </p:nvSpPr>
        <p:spPr>
          <a:xfrm>
            <a:off x="914400" y="1612059"/>
            <a:ext cx="10664687" cy="554792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hlinkClick r:id="rId5"/>
              </a:rPr>
              <a:t>Grönt Kort för Fair Play - Förening och aktiva</a:t>
            </a:r>
            <a:endParaRPr lang="sv-SE" sz="2400" dirty="0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Tävlingsbestämmelser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hlinkClick r:id="rId6"/>
              </a:rPr>
              <a:t>tb-barn--och-ungdomsfotboll-2024-smff.pdf</a:t>
            </a:r>
            <a:endParaRPr lang="sv-SE" sz="2400" dirty="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3 x 20min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Fria byten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Ej offside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Inkast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Retreatlinje 7 meter från mitten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Bestraffningar; gult kort 5 min utvisning; personli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Fotbollsskor och benskydd måste användas vid match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Bollstorlek 4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Överåriga; max 2 </a:t>
            </a:r>
            <a:r>
              <a:rPr lang="sv-SE" sz="2000" i="1" dirty="0" err="1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st</a:t>
            </a: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Underåriga; fritt antal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859183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88528BB-AE5C-2E52-37F2-32B8D90E75C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06495777-70AE-BF92-3BEE-29DEB05EBE93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FA6B0DBF-3A32-CA12-8C21-EE683C71082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89029" y="233712"/>
            <a:ext cx="1698171" cy="207085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0B3AD5BE-29F8-61D4-43F0-A779EFDA4586}"/>
              </a:ext>
            </a:extLst>
          </p:cNvPr>
          <p:cNvSpPr txBox="1"/>
          <p:nvPr/>
        </p:nvSpPr>
        <p:spPr>
          <a:xfrm>
            <a:off x="914400" y="805069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Cuper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606D7590-0530-44E6-D71B-C553C648066D}"/>
              </a:ext>
            </a:extLst>
          </p:cNvPr>
          <p:cNvSpPr txBox="1"/>
          <p:nvPr/>
        </p:nvSpPr>
        <p:spPr>
          <a:xfrm>
            <a:off x="914400" y="1941997"/>
            <a:ext cx="10664687" cy="48738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Anmälda till: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Nickes cup – Tipshallen Växjö 16 mars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Räppe cup 26 – 27 april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Fråga: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Habo cup 28 – 29 juni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Önskemål och tankar kring cuper?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722390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7BD0BE4-89F1-EEC3-CC3A-23298617D4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290CBD48-96D3-6DDA-E74A-4865285AB1DA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479EFEFA-28B1-1A09-9811-0DFC137B1C9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89029" y="233712"/>
            <a:ext cx="1698171" cy="207085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0E22293B-F8A7-49F6-9EDF-6DC59983DB71}"/>
              </a:ext>
            </a:extLst>
          </p:cNvPr>
          <p:cNvSpPr txBox="1"/>
          <p:nvPr/>
        </p:nvSpPr>
        <p:spPr>
          <a:xfrm>
            <a:off x="914400" y="805069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Föräldrauppdrag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C859950A-9DCB-D6F0-9148-D0B3BCEEC250}"/>
              </a:ext>
            </a:extLst>
          </p:cNvPr>
          <p:cNvSpPr txBox="1"/>
          <p:nvPr/>
        </p:nvSpPr>
        <p:spPr>
          <a:xfrm>
            <a:off x="914400" y="1941997"/>
            <a:ext cx="10664687" cy="438761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Vid våra egna hemmamatcher – kioskbemannin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Hjälp med att vara domaransvarig till hemmamatcher?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Räppe cup – vi är arrangör ihop med P15. Vi behöver föräldrar som kan ingå i planering och förberedelse för cupen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Damlaget – 2 – 3 matcher per säsong; kiosk, entré och </a:t>
            </a:r>
            <a:r>
              <a:rPr lang="sv-SE" sz="2400" dirty="0" err="1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bollkajsor</a:t>
            </a: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Försäljningsuppdrag; mer information kommer efter årsmöte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444920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19E765D-06A7-DFDC-368F-4330EA58A73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>
            <a:extLst>
              <a:ext uri="{FF2B5EF4-FFF2-40B4-BE49-F238E27FC236}">
                <a16:creationId xmlns:a16="http://schemas.microsoft.com/office/drawing/2014/main" id="{CAE4E8F4-6372-C713-050B-B88CAC227B01}"/>
              </a:ext>
            </a:extLst>
          </p:cNvPr>
          <p:cNvSpPr/>
          <p:nvPr/>
        </p:nvSpPr>
        <p:spPr>
          <a:xfrm>
            <a:off x="10189029" y="6244046"/>
            <a:ext cx="1698171" cy="50945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 dirty="0">
              <a:solidFill>
                <a:sysClr val="windowText" lastClr="000000"/>
              </a:solidFill>
            </a:endParaRPr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2B65478A-8E3A-12A4-D111-1A14B9AE059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89029" y="233712"/>
            <a:ext cx="1698171" cy="207085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D5A6F054-7A10-8F58-599B-988074769901}"/>
              </a:ext>
            </a:extLst>
          </p:cNvPr>
          <p:cNvSpPr txBox="1"/>
          <p:nvPr/>
        </p:nvSpPr>
        <p:spPr>
          <a:xfrm>
            <a:off x="914400" y="805069"/>
            <a:ext cx="7195930" cy="6499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4000" b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Samarbete och utveckling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70FBA47F-DE03-9A82-CD5C-EC94B8A53F6C}"/>
              </a:ext>
            </a:extLst>
          </p:cNvPr>
          <p:cNvSpPr txBox="1"/>
          <p:nvPr/>
        </p:nvSpPr>
        <p:spPr>
          <a:xfrm>
            <a:off x="914400" y="1941997"/>
            <a:ext cx="10664687" cy="36458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Utifrån träningsnärvaro och nivå kan matchspel erbjudas med F14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Det utöver egna lagets träningar och matcher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Motsvarande till vårt lag från F16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Målvaktstränin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400" i="1" dirty="0">
                <a:latin typeface="Aptos" panose="020B0004020202020204" pitchFamily="34" charset="0"/>
                <a:ea typeface="ADLaM Display" panose="020F0502020204030204" pitchFamily="2" charset="0"/>
                <a:cs typeface="ADLaM Display" panose="020F0502020204030204" pitchFamily="2" charset="0"/>
              </a:rPr>
              <a:t>Önskemål och tankar?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400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i="1" dirty="0">
              <a:latin typeface="Aptos" panose="020B0004020202020204" pitchFamily="34" charset="0"/>
              <a:ea typeface="ADLaM Display" panose="020F0502020204030204" pitchFamily="2" charset="0"/>
              <a:cs typeface="ADLaM Display" panose="020F0502020204030204" pitchFamily="2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060321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heme/theme1.xml><?xml version="1.0" encoding="utf-8"?>
<a:theme xmlns:a="http://schemas.openxmlformats.org/drawingml/2006/main" name="1. Södra - Startbilder, kaptelbilder, avslutnings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13983BAB-60A6-2B44-B1FF-43064E9B2941}"/>
    </a:ext>
  </a:extLst>
</a:theme>
</file>

<file path=ppt/theme/theme2.xml><?xml version="1.0" encoding="utf-8"?>
<a:theme xmlns:a="http://schemas.openxmlformats.org/drawingml/2006/main" name="2. Södra - Standard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1100" dirty="0">
            <a:solidFill>
              <a:sysClr val="windowText" lastClr="000000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F3676FA2-20AF-5D4D-9F37-5B672B0ED254}"/>
    </a:ext>
  </a:extLst>
</a:theme>
</file>

<file path=ppt/theme/theme3.xml><?xml version="1.0" encoding="utf-8"?>
<a:theme xmlns:a="http://schemas.openxmlformats.org/drawingml/2006/main" name="3. Södra - Alternativa bildlösninga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CDCEF0B8-8BFB-4145-A338-AF4373CB4C34}"/>
    </a:ext>
  </a:extLst>
</a:theme>
</file>

<file path=ppt/theme/theme4.xml><?xml version="1.0" encoding="utf-8"?>
<a:theme xmlns:a="http://schemas.openxmlformats.org/drawingml/2006/main" name="4. Södra - Grå 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B02D8585-2502-BC44-9E0C-50BC53183242}"/>
    </a:ext>
  </a:extLst>
</a:theme>
</file>

<file path=ppt/theme/theme5.xml><?xml version="1.0" encoding="utf-8"?>
<a:theme xmlns:a="http://schemas.openxmlformats.org/drawingml/2006/main" name="5. Södra - Special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2AC6BB8D-51CB-C64F-B675-21583C4B157D}"/>
    </a:ext>
  </a:extLst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7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5CDCAEE0-3BC1-6D41-B171-26AB7BB5D069}">
  <we:reference id="wa104380278" version="1.0.0.6" store="sv-SE" storeType="OMEX"/>
  <we:alternateReferences>
    <we:reference id="WA104380278" version="1.0.0.6" store="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2.xml><?xml version="1.0" encoding="utf-8"?>
<TemplafyFormConfiguration><![CDATA[{"formFields":[],"formDataEntries":[]}]]></TemplafyFormConfiguration>
</file>

<file path=customXml/item20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26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],"transformationConfigurations":[],"templateName":"Tom-Sodra-mall-2022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E4FEA71F6CCDC47A4F5E4BAF2C4C727" ma:contentTypeVersion="2" ma:contentTypeDescription="Skapa ett nytt dokument." ma:contentTypeScope="" ma:versionID="afc185a1fa4b4bcf2142772e9cd89107">
  <xsd:schema xmlns:xsd="http://www.w3.org/2001/XMLSchema" xmlns:xs="http://www.w3.org/2001/XMLSchema" xmlns:p="http://schemas.microsoft.com/office/2006/metadata/properties" xmlns:ns2="97312cf8-bf9b-4441-ae44-1af7f3a96455" targetNamespace="http://schemas.microsoft.com/office/2006/metadata/properties" ma:root="true" ma:fieldsID="49c38f897bc698e0349a09377aeba7aa" ns2:_="">
    <xsd:import namespace="97312cf8-bf9b-4441-ae44-1af7f3a9645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312cf8-bf9b-4441-ae44-1af7f3a9645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47A2487-337D-408B-A86E-6053D40F0FCD}">
  <ds:schemaRefs>
    <ds:schemaRef ds:uri="http://schemas.microsoft.com/office/2006/documentManagement/types"/>
    <ds:schemaRef ds:uri="http://purl.org/dc/elements/1.1/"/>
    <ds:schemaRef ds:uri="74c00740-fdca-4a82-9e50-f4a1d1135ac2"/>
    <ds:schemaRef ds:uri="http://purl.org/dc/terms/"/>
    <ds:schemaRef ds:uri="http://schemas.openxmlformats.org/package/2006/metadata/core-properties"/>
    <ds:schemaRef ds:uri="http://purl.org/dc/dcmitype/"/>
    <ds:schemaRef ds:uri="http://www.w3.org/XML/1998/namespace"/>
    <ds:schemaRef ds:uri="http://schemas.microsoft.com/office/infopath/2007/PartnerControls"/>
    <ds:schemaRef ds:uri="b762738d-e954-4cf2-b3f6-6860a70dbf83"/>
    <ds:schemaRef ds:uri="http://schemas.microsoft.com/office/2006/metadata/properties"/>
  </ds:schemaRefs>
</ds:datastoreItem>
</file>

<file path=customXml/itemProps10.xml><?xml version="1.0" encoding="utf-8"?>
<ds:datastoreItem xmlns:ds="http://schemas.openxmlformats.org/officeDocument/2006/customXml" ds:itemID="{0B4E3937-EC39-4C2E-97B9-0BE7597FDADC}">
  <ds:schemaRefs/>
</ds:datastoreItem>
</file>

<file path=customXml/itemProps11.xml><?xml version="1.0" encoding="utf-8"?>
<ds:datastoreItem xmlns:ds="http://schemas.openxmlformats.org/officeDocument/2006/customXml" ds:itemID="{D3935573-5B70-433A-96DC-6B1555DBC714}">
  <ds:schemaRefs/>
</ds:datastoreItem>
</file>

<file path=customXml/itemProps12.xml><?xml version="1.0" encoding="utf-8"?>
<ds:datastoreItem xmlns:ds="http://schemas.openxmlformats.org/officeDocument/2006/customXml" ds:itemID="{9C2059A2-D35D-4EB9-AF78-C27C98E1E1E7}">
  <ds:schemaRefs/>
</ds:datastoreItem>
</file>

<file path=customXml/itemProps13.xml><?xml version="1.0" encoding="utf-8"?>
<ds:datastoreItem xmlns:ds="http://schemas.openxmlformats.org/officeDocument/2006/customXml" ds:itemID="{3195238F-E3A1-4836-98E0-0AEBC3D1F848}">
  <ds:schemaRefs/>
</ds:datastoreItem>
</file>

<file path=customXml/itemProps14.xml><?xml version="1.0" encoding="utf-8"?>
<ds:datastoreItem xmlns:ds="http://schemas.openxmlformats.org/officeDocument/2006/customXml" ds:itemID="{F4571481-9B66-4E90-8505-C57590CBAA5C}">
  <ds:schemaRefs/>
</ds:datastoreItem>
</file>

<file path=customXml/itemProps15.xml><?xml version="1.0" encoding="utf-8"?>
<ds:datastoreItem xmlns:ds="http://schemas.openxmlformats.org/officeDocument/2006/customXml" ds:itemID="{530FEDC9-C7BA-4F52-A5D4-E031A1C05887}">
  <ds:schemaRefs/>
</ds:datastoreItem>
</file>

<file path=customXml/itemProps16.xml><?xml version="1.0" encoding="utf-8"?>
<ds:datastoreItem xmlns:ds="http://schemas.openxmlformats.org/officeDocument/2006/customXml" ds:itemID="{51223B3B-ECE8-4707-AF7C-DAB152B1B309}">
  <ds:schemaRefs/>
</ds:datastoreItem>
</file>

<file path=customXml/itemProps17.xml><?xml version="1.0" encoding="utf-8"?>
<ds:datastoreItem xmlns:ds="http://schemas.openxmlformats.org/officeDocument/2006/customXml" ds:itemID="{76AF1B8B-7697-4AA3-BD12-49B2018C83FC}">
  <ds:schemaRefs/>
</ds:datastoreItem>
</file>

<file path=customXml/itemProps18.xml><?xml version="1.0" encoding="utf-8"?>
<ds:datastoreItem xmlns:ds="http://schemas.openxmlformats.org/officeDocument/2006/customXml" ds:itemID="{CEB140F2-33D7-448F-A4B7-17D43E014E7D}">
  <ds:schemaRefs/>
</ds:datastoreItem>
</file>

<file path=customXml/itemProps19.xml><?xml version="1.0" encoding="utf-8"?>
<ds:datastoreItem xmlns:ds="http://schemas.openxmlformats.org/officeDocument/2006/customXml" ds:itemID="{13613DA8-A8B1-4C7D-9D45-2CBDC6B1668E}">
  <ds:schemaRefs/>
</ds:datastoreItem>
</file>

<file path=customXml/itemProps2.xml><?xml version="1.0" encoding="utf-8"?>
<ds:datastoreItem xmlns:ds="http://schemas.openxmlformats.org/officeDocument/2006/customXml" ds:itemID="{1A43AB54-9827-44AB-BA8C-BE1EC34178F1}">
  <ds:schemaRefs/>
</ds:datastoreItem>
</file>

<file path=customXml/itemProps20.xml><?xml version="1.0" encoding="utf-8"?>
<ds:datastoreItem xmlns:ds="http://schemas.openxmlformats.org/officeDocument/2006/customXml" ds:itemID="{A2D7E0A8-5B05-4615-81AA-A35EAB90129A}">
  <ds:schemaRefs/>
</ds:datastoreItem>
</file>

<file path=customXml/itemProps21.xml><?xml version="1.0" encoding="utf-8"?>
<ds:datastoreItem xmlns:ds="http://schemas.openxmlformats.org/officeDocument/2006/customXml" ds:itemID="{3409F329-B063-489D-8F30-077AA9295E86}">
  <ds:schemaRefs/>
</ds:datastoreItem>
</file>

<file path=customXml/itemProps22.xml><?xml version="1.0" encoding="utf-8"?>
<ds:datastoreItem xmlns:ds="http://schemas.openxmlformats.org/officeDocument/2006/customXml" ds:itemID="{ACADCFA4-5EFA-4BB4-8B4D-268AD196C9A4}">
  <ds:schemaRefs/>
</ds:datastoreItem>
</file>

<file path=customXml/itemProps23.xml><?xml version="1.0" encoding="utf-8"?>
<ds:datastoreItem xmlns:ds="http://schemas.openxmlformats.org/officeDocument/2006/customXml" ds:itemID="{36973D49-F9B3-4DCD-A0A7-6D1A741D9D10}">
  <ds:schemaRefs/>
</ds:datastoreItem>
</file>

<file path=customXml/itemProps24.xml><?xml version="1.0" encoding="utf-8"?>
<ds:datastoreItem xmlns:ds="http://schemas.openxmlformats.org/officeDocument/2006/customXml" ds:itemID="{BD55B365-E20E-4C3D-B553-74AFCE1CADCC}">
  <ds:schemaRefs/>
</ds:datastoreItem>
</file>

<file path=customXml/itemProps25.xml><?xml version="1.0" encoding="utf-8"?>
<ds:datastoreItem xmlns:ds="http://schemas.openxmlformats.org/officeDocument/2006/customXml" ds:itemID="{E4F020AE-B493-426D-91A6-514FDF833FC8}">
  <ds:schemaRefs/>
</ds:datastoreItem>
</file>

<file path=customXml/itemProps26.xml><?xml version="1.0" encoding="utf-8"?>
<ds:datastoreItem xmlns:ds="http://schemas.openxmlformats.org/officeDocument/2006/customXml" ds:itemID="{8F7EA425-ACEC-4EA7-AF15-A6B20E02657D}">
  <ds:schemaRefs/>
</ds:datastoreItem>
</file>

<file path=customXml/itemProps27.xml><?xml version="1.0" encoding="utf-8"?>
<ds:datastoreItem xmlns:ds="http://schemas.openxmlformats.org/officeDocument/2006/customXml" ds:itemID="{B3786320-C34E-4257-9A59-BFAC4FD0A296}">
  <ds:schemaRefs/>
</ds:datastoreItem>
</file>

<file path=customXml/itemProps3.xml><?xml version="1.0" encoding="utf-8"?>
<ds:datastoreItem xmlns:ds="http://schemas.openxmlformats.org/officeDocument/2006/customXml" ds:itemID="{FFB18037-76EA-427A-BE53-EC53C8DC2B7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C9E6AB6-7CA5-42CC-94D5-EA6164193816}">
  <ds:schemaRefs/>
</ds:datastoreItem>
</file>

<file path=customXml/itemProps5.xml><?xml version="1.0" encoding="utf-8"?>
<ds:datastoreItem xmlns:ds="http://schemas.openxmlformats.org/officeDocument/2006/customXml" ds:itemID="{9CC73AEB-A254-4A12-BE29-0039E911CCE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7312cf8-bf9b-4441-ae44-1af7f3a9645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2C1F59D7-F1EF-499E-95F1-1C3E2500D28E}">
  <ds:schemaRefs/>
</ds:datastoreItem>
</file>

<file path=customXml/itemProps7.xml><?xml version="1.0" encoding="utf-8"?>
<ds:datastoreItem xmlns:ds="http://schemas.openxmlformats.org/officeDocument/2006/customXml" ds:itemID="{60E70D89-6E48-450A-8613-EE9977DDA4C4}">
  <ds:schemaRefs/>
</ds:datastoreItem>
</file>

<file path=customXml/itemProps8.xml><?xml version="1.0" encoding="utf-8"?>
<ds:datastoreItem xmlns:ds="http://schemas.openxmlformats.org/officeDocument/2006/customXml" ds:itemID="{FF64F002-B2D2-4942-85B1-958F420AEA6C}">
  <ds:schemaRefs/>
</ds:datastoreItem>
</file>

<file path=customXml/itemProps9.xml><?xml version="1.0" encoding="utf-8"?>
<ds:datastoreItem xmlns:ds="http://schemas.openxmlformats.org/officeDocument/2006/customXml" ds:itemID="{2FC651CB-7FF7-4CA1-9EF8-44F80DCE0B5D}">
  <ds:schemaRefs/>
</ds:datastoreItem>
</file>

<file path=docMetadata/LabelInfo.xml><?xml version="1.0" encoding="utf-8"?>
<clbl:labelList xmlns:clbl="http://schemas.microsoft.com/office/2020/mipLabelMetadata">
  <clbl:label id="{4fd1c0e0-3cb1-4c2b-8ef8-e36cb310581c}" enabled="0" method="" siteId="{4fd1c0e0-3cb1-4c2b-8ef8-e36cb310581c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1</Template>
  <TotalTime>0</TotalTime>
  <Words>440</Words>
  <Application>Microsoft Office PowerPoint</Application>
  <PresentationFormat>Bredbild</PresentationFormat>
  <Paragraphs>95</Paragraphs>
  <Slides>11</Slides>
  <Notes>0</Notes>
  <HiddenSlides>0</HiddenSlides>
  <MMClips>0</MMClips>
  <ScaleCrop>false</ScaleCrop>
  <HeadingPairs>
    <vt:vector size="6" baseType="variant">
      <vt:variant>
        <vt:lpstr>Använt teckensnitt</vt:lpstr>
      </vt:variant>
      <vt:variant>
        <vt:i4>3</vt:i4>
      </vt:variant>
      <vt:variant>
        <vt:lpstr>Tema</vt:lpstr>
      </vt:variant>
      <vt:variant>
        <vt:i4>5</vt:i4>
      </vt:variant>
      <vt:variant>
        <vt:lpstr>Bildrubriker</vt:lpstr>
      </vt:variant>
      <vt:variant>
        <vt:i4>11</vt:i4>
      </vt:variant>
    </vt:vector>
  </HeadingPairs>
  <TitlesOfParts>
    <vt:vector size="19" baseType="lpstr">
      <vt:lpstr>Aptos</vt:lpstr>
      <vt:lpstr>Arial</vt:lpstr>
      <vt:lpstr>Calibri</vt:lpstr>
      <vt:lpstr>1. Södra - Startbilder, kaptelbilder, avslutningsbilder</vt:lpstr>
      <vt:lpstr>2. Södra - Standardbilder</vt:lpstr>
      <vt:lpstr>3. Södra - Alternativa bildlösningar</vt:lpstr>
      <vt:lpstr>4. Södra - Grå bilder</vt:lpstr>
      <vt:lpstr>5. Södra - Specialbilder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  <vt:lpstr>PowerPoint-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on</dc:title>
  <dc:creator>Sandstedt, Gustav</dc:creator>
  <cp:lastModifiedBy>Petersson, Sofia</cp:lastModifiedBy>
  <cp:revision>2</cp:revision>
  <dcterms:created xsi:type="dcterms:W3CDTF">2024-09-13T22:22:25Z</dcterms:created>
  <dcterms:modified xsi:type="dcterms:W3CDTF">2025-01-13T15:17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E4FEA71F6CCDC47A4F5E4BAF2C4C727</vt:lpwstr>
  </property>
  <property fmtid="{D5CDD505-2E9C-101B-9397-08002B2CF9AE}" pid="3" name="TemplafyTimeStamp">
    <vt:lpwstr>2022-09-01T09:34:16</vt:lpwstr>
  </property>
  <property fmtid="{D5CDD505-2E9C-101B-9397-08002B2CF9AE}" pid="4" name="TemplafyTenantId">
    <vt:lpwstr>sodra</vt:lpwstr>
  </property>
  <property fmtid="{D5CDD505-2E9C-101B-9397-08002B2CF9AE}" pid="5" name="TemplafyTemplateId">
    <vt:lpwstr>637976216555569125</vt:lpwstr>
  </property>
  <property fmtid="{D5CDD505-2E9C-101B-9397-08002B2CF9AE}" pid="6" name="TemplafyUserProfileId">
    <vt:lpwstr>637937474862095499</vt:lpwstr>
  </property>
  <property fmtid="{D5CDD505-2E9C-101B-9397-08002B2CF9AE}" pid="7" name="TemplafyLanguageCode">
    <vt:lpwstr>sv-SE</vt:lpwstr>
  </property>
  <property fmtid="{D5CDD505-2E9C-101B-9397-08002B2CF9AE}" pid="8" name="TemplafyFromBlank">
    <vt:bool>true</vt:bool>
  </property>
</Properties>
</file>